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9.30時点\01_起案\"/>
    </mc:Choice>
  </mc:AlternateContent>
  <xr:revisionPtr revIDLastSave="0" documentId="13_ncr:1_{DFAAD7FF-6385-4F5B-A448-AE4208AC2384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鎌倉" sheetId="84" r:id="rId1"/>
  </sheets>
  <definedNames>
    <definedName name="_xlnm._FilterDatabase" localSheetId="0" hidden="1">鎌倉!$A$2:$E$298</definedName>
    <definedName name="_xlnm.Print_Area" localSheetId="0">鎌倉!$A$1:$E$298</definedName>
    <definedName name="_xlnm.Print_Titles" localSheetId="0">鎌倉!$2:$2</definedName>
  </definedNames>
  <calcPr calcId="162913"/>
</workbook>
</file>

<file path=xl/sharedStrings.xml><?xml version="1.0" encoding="utf-8"?>
<sst xmlns="http://schemas.openxmlformats.org/spreadsheetml/2006/main" count="1190" uniqueCount="891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いずみ</t>
  </si>
  <si>
    <t>鎌倉市大船１７５６－１</t>
  </si>
  <si>
    <t>鎌倉市大船１－２－１</t>
  </si>
  <si>
    <t>鎌倉市大船１－２６－５</t>
  </si>
  <si>
    <t>ホテル「城」</t>
  </si>
  <si>
    <t>鎌倉市大船３－４－８</t>
  </si>
  <si>
    <t>レディースインホワイトホテル</t>
  </si>
  <si>
    <t>鎌倉市御成町２－２０</t>
  </si>
  <si>
    <t>鎌倉市御成町５－３１</t>
  </si>
  <si>
    <t>Ｖｉｌｌａ　Ｓａｃｒａ</t>
  </si>
  <si>
    <t>鎌倉市御成町１３－２９</t>
  </si>
  <si>
    <t>船宿秋田屋鱗亭</t>
  </si>
  <si>
    <t>鎌倉市腰越２－１０－３０</t>
  </si>
  <si>
    <t>AS ONE Style in 湘南</t>
  </si>
  <si>
    <t>かきや別館</t>
  </si>
  <si>
    <t>鎌倉市腰越３－６－１４</t>
  </si>
  <si>
    <t>かきや旅館</t>
  </si>
  <si>
    <t>鎌倉市腰越３－２０－１１</t>
  </si>
  <si>
    <t>ホテル鎌倉ｍｏｒｉ</t>
  </si>
  <si>
    <t>鎌倉市小町１－５－２１</t>
  </si>
  <si>
    <t>小町荘</t>
  </si>
  <si>
    <t>鎌倉市小町２－８－２３</t>
  </si>
  <si>
    <t>株式会社ひさ本</t>
  </si>
  <si>
    <t>鎌倉市小町２－１０－９</t>
  </si>
  <si>
    <t>鶴ヶ岡会館</t>
  </si>
  <si>
    <t>鎌倉市小町２－１２－２７</t>
  </si>
  <si>
    <t>鎌倉市坂ノ下５－１１</t>
  </si>
  <si>
    <t>ゲストハウスＩＺＡ鎌倉</t>
  </si>
  <si>
    <t>楽庵</t>
  </si>
  <si>
    <t>日本私立学校振興共済事業団鎌倉保養所あじさい荘</t>
  </si>
  <si>
    <t>鎌倉市坂ノ下２５－４</t>
  </si>
  <si>
    <t>鎌倉パークホテル</t>
  </si>
  <si>
    <t>鎌倉市坂ノ下３３－６</t>
  </si>
  <si>
    <t>亀時間</t>
  </si>
  <si>
    <t>鎌倉市材木座３－１７－２１</t>
  </si>
  <si>
    <t>湘南ゲストハウス耳日</t>
  </si>
  <si>
    <t>鎌倉市材木座５－１１－２３</t>
  </si>
  <si>
    <t>ＤＧ　ＣＡＭＰ　ＫＡＭＡＫＵＲＡ</t>
  </si>
  <si>
    <t>鎌倉市材木座５－１２－８</t>
  </si>
  <si>
    <t>セブンシーズ</t>
  </si>
  <si>
    <t>鎌倉市材木座６－１６－３５</t>
  </si>
  <si>
    <t>大本山　光明寺</t>
  </si>
  <si>
    <t>鎌倉市材木座６－１７－１９</t>
  </si>
  <si>
    <t>鎌倉プリンスホテル</t>
  </si>
  <si>
    <t>鎌倉市七里ガ浜東１－２－１８</t>
    <rPh sb="3" eb="5">
      <t>シチリ</t>
    </rPh>
    <rPh sb="6" eb="7">
      <t>ハマ</t>
    </rPh>
    <phoneticPr fontId="1"/>
  </si>
  <si>
    <t>ホテルウィルリゾート鎌倉</t>
  </si>
  <si>
    <t>鎌倉市関谷７２７－１</t>
  </si>
  <si>
    <t>有限会社　津久井旅館</t>
  </si>
  <si>
    <t>ビー・ビーハウス</t>
  </si>
  <si>
    <t>Inn By The Sea</t>
  </si>
  <si>
    <t>鎌倉市長谷２－２２－３２</t>
  </si>
  <si>
    <t>対僊閣</t>
  </si>
  <si>
    <t>鎌倉市長谷３－１２－９</t>
  </si>
  <si>
    <t>穏</t>
  </si>
  <si>
    <t>鎌倉市山崎６５６－２２</t>
  </si>
  <si>
    <t>PENSION GREEN GRASS</t>
  </si>
  <si>
    <t>鎌倉市由比ガ浜２－１９－５</t>
  </si>
  <si>
    <t>日産自動車健康保険組合NISSAN鎌倉倶楽部</t>
  </si>
  <si>
    <t>鎌倉市由比ガ浜３－１１－２３</t>
  </si>
  <si>
    <t>the lounge</t>
  </si>
  <si>
    <t>鎌倉市由比ガ浜３－１１－４２</t>
  </si>
  <si>
    <t>ダイヤモンド鎌倉別邸ソサエティ</t>
  </si>
  <si>
    <t>鎌倉市由比ガ浜３－１２－２５</t>
    <rPh sb="3" eb="5">
      <t>ユイ</t>
    </rPh>
    <rPh sb="6" eb="7">
      <t>ハマ</t>
    </rPh>
    <phoneticPr fontId="1"/>
  </si>
  <si>
    <t>光と水の邸宅</t>
  </si>
  <si>
    <t>鎌倉市由比ガ浜４－４－９</t>
  </si>
  <si>
    <t>KKR鎌倉わかみや</t>
  </si>
  <si>
    <t>鎌倉市由比ガ浜４－６－１３</t>
  </si>
  <si>
    <t>かいひん荘鎌倉</t>
  </si>
  <si>
    <t>鎌倉市由比ガ浜４－８－１４</t>
  </si>
  <si>
    <t>シャングリラ鶴岡</t>
  </si>
  <si>
    <t>サンスプリアン</t>
  </si>
  <si>
    <t>逗子市小坪４－２７－１２</t>
  </si>
  <si>
    <t>凛花</t>
  </si>
  <si>
    <t>逗子市小坪５－８－３</t>
  </si>
  <si>
    <t>貸別荘　Ｖａｃａｔｉｏｎ＋ＺＵＳＨＩ</t>
  </si>
  <si>
    <t>国家公務員共済組合連合会逗子保養所松汀園</t>
  </si>
  <si>
    <t>逗子市新宿３－２－２６</t>
  </si>
  <si>
    <t>逗子市山の根１－３－１７</t>
  </si>
  <si>
    <t>四季倶楽部　プレーゴ葉山</t>
  </si>
  <si>
    <t>葉山町一色２２３３</t>
  </si>
  <si>
    <t>CONDOMINIUM THE HAYAMA 106</t>
  </si>
  <si>
    <t>葉山町一色２５１２－２－１０６</t>
  </si>
  <si>
    <t>葉山町上山口１５６０－３８</t>
  </si>
  <si>
    <t>湘南国際村センター</t>
  </si>
  <si>
    <t>葉山町上山口１５６０－３９</t>
  </si>
  <si>
    <t>NEXUS　HAYAMA（Daiichi Sankyo）</t>
  </si>
  <si>
    <t>葉山町上山口１５６０－４３</t>
  </si>
  <si>
    <t>ロフォス湘南</t>
  </si>
  <si>
    <t>葉山町上山口１５６０－４４</t>
  </si>
  <si>
    <t>ホテル・ホワイトハウス葉山</t>
  </si>
  <si>
    <t>葉山町上山口２１７０－３</t>
  </si>
  <si>
    <t>ホテル　フェスタ</t>
  </si>
  <si>
    <t>葉山町上山口３４１７</t>
  </si>
  <si>
    <t>葉山町下山口１９６９－２</t>
  </si>
  <si>
    <t>葉山町下山口１９６９－３</t>
  </si>
  <si>
    <t>有限会社大海荘</t>
  </si>
  <si>
    <t>葉山町下山口１９８７</t>
  </si>
  <si>
    <t>日本私立学校振興・共済事業団　葉山保養所相洋閣</t>
  </si>
  <si>
    <t>葉山町下山口２０４０－１</t>
  </si>
  <si>
    <t>ホテル　モニカ</t>
  </si>
  <si>
    <t>葉山町長柄４５</t>
  </si>
  <si>
    <t>トーア再保険　白雲荘</t>
  </si>
  <si>
    <t>葉山町堀内４８１</t>
  </si>
  <si>
    <t>スケープス　ザ　スイート</t>
  </si>
  <si>
    <t>葉山町堀内９２２－２</t>
  </si>
  <si>
    <t>ベネフィット・ステーション葉山</t>
  </si>
  <si>
    <t>葉山町堀内９２２－８</t>
  </si>
  <si>
    <t>ホテル　葉山館</t>
  </si>
  <si>
    <t>葉山町堀内９８０-３</t>
  </si>
  <si>
    <t>Shanti Ocean 葉山森戸海岸</t>
  </si>
  <si>
    <t>葉山町堀内９９７－１５</t>
  </si>
  <si>
    <t>港の灯り</t>
  </si>
  <si>
    <t>葉山町堀内１０６７</t>
  </si>
  <si>
    <t>サッポロビール葉山寮</t>
  </si>
  <si>
    <t>葉山町堀内１３５５</t>
  </si>
  <si>
    <t>ゲストハウス鎌倉ＺＥＮ－ＪＩ</t>
    <rPh sb="6" eb="8">
      <t>カマクラ</t>
    </rPh>
    <phoneticPr fontId="1"/>
  </si>
  <si>
    <t>鎌倉市坂ノ下２８－７</t>
    <rPh sb="0" eb="2">
      <t>カマクラ</t>
    </rPh>
    <rPh sb="2" eb="3">
      <t>シ</t>
    </rPh>
    <rPh sb="3" eb="4">
      <t>サカ</t>
    </rPh>
    <rPh sb="5" eb="6">
      <t>シタ</t>
    </rPh>
    <phoneticPr fontId="1"/>
  </si>
  <si>
    <t>鎌倉市津西１－５－２０</t>
    <rPh sb="0" eb="2">
      <t>カマクラ</t>
    </rPh>
    <rPh sb="2" eb="3">
      <t>シ</t>
    </rPh>
    <rPh sb="3" eb="4">
      <t>ツ</t>
    </rPh>
    <rPh sb="4" eb="5">
      <t>ニシ</t>
    </rPh>
    <phoneticPr fontId="1"/>
  </si>
  <si>
    <t>逗子市桜山９－１－１４</t>
    <rPh sb="0" eb="3">
      <t>ズシシ</t>
    </rPh>
    <rPh sb="3" eb="5">
      <t>サクラヤマ</t>
    </rPh>
    <phoneticPr fontId="1"/>
  </si>
  <si>
    <t>Ｖｉｌｌａ　Ｍｏｒｉｔｏ</t>
  </si>
  <si>
    <t>葉山町堀内１００５－３１</t>
    <rPh sb="0" eb="2">
      <t>ハヤマ</t>
    </rPh>
    <rPh sb="2" eb="3">
      <t>マチ</t>
    </rPh>
    <rPh sb="3" eb="5">
      <t>ホリウチ</t>
    </rPh>
    <phoneticPr fontId="1"/>
  </si>
  <si>
    <t>とめぞう丸</t>
    <rPh sb="4" eb="5">
      <t>マル</t>
    </rPh>
    <phoneticPr fontId="1"/>
  </si>
  <si>
    <t>葉山町下山口１５２６</t>
    <rPh sb="0" eb="3">
      <t>ハヤママチ</t>
    </rPh>
    <rPh sb="3" eb="6">
      <t>シモヤマグチ</t>
    </rPh>
    <phoneticPr fontId="1"/>
  </si>
  <si>
    <t>逗子市池子２－３－３２</t>
    <rPh sb="0" eb="3">
      <t>ズシシ</t>
    </rPh>
    <rPh sb="3" eb="5">
      <t>イケゴ</t>
    </rPh>
    <phoneticPr fontId="1"/>
  </si>
  <si>
    <t>鎌倉市腰越３－１１－２９　サニーメゾン湘南１０１</t>
    <rPh sb="0" eb="2">
      <t>カマクラ</t>
    </rPh>
    <rPh sb="2" eb="3">
      <t>シ</t>
    </rPh>
    <rPh sb="3" eb="5">
      <t>コシゴエ</t>
    </rPh>
    <rPh sb="19" eb="21">
      <t>ショウナン</t>
    </rPh>
    <phoneticPr fontId="1"/>
  </si>
  <si>
    <t>鎌倉市腰越２－５－８</t>
    <rPh sb="0" eb="2">
      <t>カマクラ</t>
    </rPh>
    <rPh sb="2" eb="3">
      <t>シ</t>
    </rPh>
    <rPh sb="3" eb="5">
      <t>コシゴエ</t>
    </rPh>
    <phoneticPr fontId="1"/>
  </si>
  <si>
    <t>鎌倉市腰越３－１１－２９　サニーメゾン湘南２０１</t>
    <rPh sb="0" eb="2">
      <t>カマクラ</t>
    </rPh>
    <rPh sb="2" eb="3">
      <t>シ</t>
    </rPh>
    <rPh sb="3" eb="5">
      <t>コシゴエ</t>
    </rPh>
    <rPh sb="19" eb="21">
      <t>ショウナン</t>
    </rPh>
    <phoneticPr fontId="1"/>
  </si>
  <si>
    <t>葉山町一色２１５２－４</t>
    <rPh sb="0" eb="3">
      <t>ハヤママチ</t>
    </rPh>
    <rPh sb="3" eb="5">
      <t>イッシキ</t>
    </rPh>
    <phoneticPr fontId="1"/>
  </si>
  <si>
    <t>鎌倉市御成町１３－２</t>
    <rPh sb="0" eb="2">
      <t>カマクラ</t>
    </rPh>
    <rPh sb="2" eb="3">
      <t>シ</t>
    </rPh>
    <rPh sb="3" eb="6">
      <t>オナリチョウ</t>
    </rPh>
    <phoneticPr fontId="1"/>
  </si>
  <si>
    <t>鎌倉市由比ガ浜２－４－２３</t>
    <rPh sb="0" eb="2">
      <t>カマクラ</t>
    </rPh>
    <rPh sb="2" eb="3">
      <t>シ</t>
    </rPh>
    <rPh sb="3" eb="5">
      <t>ユイ</t>
    </rPh>
    <rPh sb="6" eb="7">
      <t>ハマ</t>
    </rPh>
    <phoneticPr fontId="1"/>
  </si>
  <si>
    <t>鎌倉市坂ノ下２８－１２</t>
    <rPh sb="0" eb="2">
      <t>カマクラ</t>
    </rPh>
    <rPh sb="2" eb="3">
      <t>シ</t>
    </rPh>
    <rPh sb="3" eb="4">
      <t>サカ</t>
    </rPh>
    <rPh sb="5" eb="6">
      <t>シタ</t>
    </rPh>
    <phoneticPr fontId="1"/>
  </si>
  <si>
    <t>鎌倉市由比ガ浜２－２－３６</t>
    <rPh sb="0" eb="2">
      <t>カマクラ</t>
    </rPh>
    <rPh sb="2" eb="3">
      <t>シ</t>
    </rPh>
    <rPh sb="3" eb="5">
      <t>ユイ</t>
    </rPh>
    <rPh sb="6" eb="7">
      <t>ハマ</t>
    </rPh>
    <phoneticPr fontId="1"/>
  </si>
  <si>
    <t>鎌倉はせ・ゆいハウス</t>
    <rPh sb="0" eb="2">
      <t>カマクラ</t>
    </rPh>
    <phoneticPr fontId="1"/>
  </si>
  <si>
    <t>鎌倉市長谷１－１５－５</t>
    <rPh sb="0" eb="2">
      <t>カマクラ</t>
    </rPh>
    <rPh sb="2" eb="3">
      <t>シ</t>
    </rPh>
    <rPh sb="3" eb="5">
      <t>ハセ</t>
    </rPh>
    <phoneticPr fontId="1"/>
  </si>
  <si>
    <t>逗子市新宿２－１３－２０</t>
    <rPh sb="0" eb="3">
      <t>ズシシ</t>
    </rPh>
    <rPh sb="3" eb="5">
      <t>シンジュク</t>
    </rPh>
    <phoneticPr fontId="1"/>
  </si>
  <si>
    <t>鎌倉市腰越２－１０－２０</t>
    <rPh sb="0" eb="2">
      <t>カマクラ</t>
    </rPh>
    <rPh sb="2" eb="3">
      <t>シ</t>
    </rPh>
    <rPh sb="3" eb="5">
      <t>コシゴエ</t>
    </rPh>
    <phoneticPr fontId="1"/>
  </si>
  <si>
    <t>ＴＫＰホテル＆リゾート　レクトール葉山　湘南国際村</t>
    <rPh sb="17" eb="19">
      <t>ハヤマ</t>
    </rPh>
    <rPh sb="20" eb="22">
      <t>ショウナン</t>
    </rPh>
    <rPh sb="22" eb="24">
      <t>コクサイ</t>
    </rPh>
    <rPh sb="24" eb="25">
      <t>ムラ</t>
    </rPh>
    <phoneticPr fontId="1"/>
  </si>
  <si>
    <t>T-REEF Vacation House "琥珀-AMBER-"</t>
    <rPh sb="23" eb="25">
      <t>コハク</t>
    </rPh>
    <phoneticPr fontId="1"/>
  </si>
  <si>
    <t>鎌倉市材木座６－４－４</t>
    <rPh sb="0" eb="2">
      <t>カマクラ</t>
    </rPh>
    <rPh sb="2" eb="3">
      <t>シ</t>
    </rPh>
    <rPh sb="3" eb="6">
      <t>ザイモクザ</t>
    </rPh>
    <phoneticPr fontId="1"/>
  </si>
  <si>
    <t>逗子Ｂｅａｃｈ　Ｈｏｕｓｅ</t>
    <rPh sb="0" eb="2">
      <t>ズシ</t>
    </rPh>
    <phoneticPr fontId="1"/>
  </si>
  <si>
    <t>逗子市新宿２－１１－２５　２Ｆ</t>
    <rPh sb="0" eb="3">
      <t>ズシシ</t>
    </rPh>
    <rPh sb="3" eb="5">
      <t>シンジュク</t>
    </rPh>
    <phoneticPr fontId="1"/>
  </si>
  <si>
    <t>海風テラス</t>
    <rPh sb="0" eb="2">
      <t>ウミカゼ</t>
    </rPh>
    <phoneticPr fontId="1"/>
  </si>
  <si>
    <t>葉山町堀内１８１６－２　友野テラス１０１</t>
    <rPh sb="12" eb="14">
      <t>トモノ</t>
    </rPh>
    <phoneticPr fontId="1"/>
  </si>
  <si>
    <t>許可番号</t>
    <rPh sb="0" eb="2">
      <t>キョカ</t>
    </rPh>
    <rPh sb="2" eb="4">
      <t>バンゴウ</t>
    </rPh>
    <phoneticPr fontId="1"/>
  </si>
  <si>
    <t>旅館・ホテル</t>
  </si>
  <si>
    <t>パウダーカンパニー湘南</t>
    <rPh sb="9" eb="11">
      <t>ショウナン</t>
    </rPh>
    <phoneticPr fontId="1"/>
  </si>
  <si>
    <t>鎌倉市腰越２－６－２４</t>
    <rPh sb="0" eb="2">
      <t>カマクラ</t>
    </rPh>
    <rPh sb="2" eb="3">
      <t>シ</t>
    </rPh>
    <rPh sb="3" eb="5">
      <t>コシゴエ</t>
    </rPh>
    <phoneticPr fontId="1"/>
  </si>
  <si>
    <t>第020067号</t>
  </si>
  <si>
    <t>第020043号</t>
  </si>
  <si>
    <t>第020013号</t>
  </si>
  <si>
    <t>第020034号</t>
  </si>
  <si>
    <t>第020016号</t>
  </si>
  <si>
    <t>第020109号</t>
  </si>
  <si>
    <t>第020104号</t>
  </si>
  <si>
    <t>第020127号</t>
  </si>
  <si>
    <t>第020118号</t>
  </si>
  <si>
    <t>第020027号</t>
  </si>
  <si>
    <t>第020100号</t>
  </si>
  <si>
    <t>第020007号</t>
  </si>
  <si>
    <t>第020101号</t>
  </si>
  <si>
    <t>第020102号</t>
  </si>
  <si>
    <t>第020030号</t>
  </si>
  <si>
    <t>第020025号</t>
  </si>
  <si>
    <t>第020001号</t>
  </si>
  <si>
    <t>第020002号</t>
  </si>
  <si>
    <t>第020035号</t>
  </si>
  <si>
    <t>第020112号</t>
  </si>
  <si>
    <t>第020062号</t>
  </si>
  <si>
    <t>第020012号</t>
  </si>
  <si>
    <t>第020097号</t>
  </si>
  <si>
    <t>第020111号</t>
  </si>
  <si>
    <t>第020022号</t>
  </si>
  <si>
    <t>第020052号</t>
  </si>
  <si>
    <t>第020051号</t>
  </si>
  <si>
    <t>第020121号</t>
  </si>
  <si>
    <t>第020057号</t>
  </si>
  <si>
    <t>第020045号</t>
  </si>
  <si>
    <t>第020024号</t>
  </si>
  <si>
    <t>第020047号</t>
  </si>
  <si>
    <t>第020039号</t>
  </si>
  <si>
    <t>第020093号</t>
  </si>
  <si>
    <t>第020126号</t>
  </si>
  <si>
    <t>第020058号</t>
  </si>
  <si>
    <t>第020060号</t>
  </si>
  <si>
    <t>第020004号</t>
  </si>
  <si>
    <t>第020068号</t>
  </si>
  <si>
    <t>第020108号</t>
  </si>
  <si>
    <t>第020061号</t>
  </si>
  <si>
    <t>第020009号</t>
  </si>
  <si>
    <t>第020083号</t>
  </si>
  <si>
    <t>第020036号</t>
  </si>
  <si>
    <t>第020071号</t>
  </si>
  <si>
    <t>第020064号</t>
  </si>
  <si>
    <t>第020074号</t>
  </si>
  <si>
    <t>第020017号</t>
  </si>
  <si>
    <t>第020010号</t>
  </si>
  <si>
    <t>第020103号</t>
  </si>
  <si>
    <t>第020008号</t>
  </si>
  <si>
    <t>第020037号</t>
  </si>
  <si>
    <t>第020094号</t>
  </si>
  <si>
    <t>第020077号</t>
  </si>
  <si>
    <t>第020124号</t>
  </si>
  <si>
    <t>第020116号</t>
  </si>
  <si>
    <t>第020003号</t>
  </si>
  <si>
    <t>第020107号</t>
  </si>
  <si>
    <t>第020042号</t>
  </si>
  <si>
    <t>第020038号</t>
  </si>
  <si>
    <t>第020119号</t>
  </si>
  <si>
    <t>第020018号</t>
  </si>
  <si>
    <t>第020048号</t>
  </si>
  <si>
    <t>第020023号</t>
  </si>
  <si>
    <t>第020026号</t>
  </si>
  <si>
    <t>第020019号</t>
  </si>
  <si>
    <t>第020098号</t>
  </si>
  <si>
    <t>第020021号</t>
  </si>
  <si>
    <t>第020005号</t>
  </si>
  <si>
    <t>第020085号</t>
  </si>
  <si>
    <t>第020044号</t>
  </si>
  <si>
    <t>第020041号</t>
  </si>
  <si>
    <t>第020033号</t>
  </si>
  <si>
    <t>第020040号</t>
  </si>
  <si>
    <t>第020073号</t>
  </si>
  <si>
    <t>第020096号</t>
  </si>
  <si>
    <t>第020120号</t>
  </si>
  <si>
    <t>第020011号</t>
  </si>
  <si>
    <t>第020114号</t>
  </si>
  <si>
    <t>ＥＫ　Ｈｏｕｓｅ　江ノ島</t>
    <rPh sb="9" eb="10">
      <t>エ</t>
    </rPh>
    <rPh sb="11" eb="12">
      <t>シマ</t>
    </rPh>
    <phoneticPr fontId="1"/>
  </si>
  <si>
    <t>鎌倉市腰越３－４－１３</t>
    <rPh sb="0" eb="5">
      <t>カマクラシコシゴエ</t>
    </rPh>
    <phoneticPr fontId="1"/>
  </si>
  <si>
    <t>トラストメゾン常盤</t>
    <rPh sb="7" eb="9">
      <t>トキワ</t>
    </rPh>
    <phoneticPr fontId="1"/>
  </si>
  <si>
    <t>鎌倉市常盤４２５－１６</t>
    <rPh sb="0" eb="3">
      <t>カマクラシ</t>
    </rPh>
    <rPh sb="3" eb="5">
      <t>トキワ</t>
    </rPh>
    <phoneticPr fontId="1"/>
  </si>
  <si>
    <t>小坪シーサイドハイツ</t>
    <rPh sb="0" eb="2">
      <t>コツボ</t>
    </rPh>
    <phoneticPr fontId="1"/>
  </si>
  <si>
    <t>葉山町堀内９０１－１</t>
    <rPh sb="0" eb="3">
      <t>ハヤママチ</t>
    </rPh>
    <rPh sb="3" eb="5">
      <t>ホリウチ</t>
    </rPh>
    <phoneticPr fontId="1"/>
  </si>
  <si>
    <t>ゲストハウス土幣　三蔵別所</t>
  </si>
  <si>
    <t>鎌倉市大船１７５９－３</t>
  </si>
  <si>
    <t>ＡＴＴＡ　ＨＯＴＥＬ　ＫＡＭＡＫＵＲＡ</t>
  </si>
  <si>
    <t>鎌倉市大町５－５－９</t>
  </si>
  <si>
    <t>鎌倉シービューゲストハウス　サン＆ブリーズ</t>
  </si>
  <si>
    <t>鎌倉市材木座５－２－１２</t>
  </si>
  <si>
    <t>ＫＩＹＡＺＡ　鎌倉　ＲＥＳＯＲＴ</t>
  </si>
  <si>
    <t>鎌倉市材木座５－５－１３－１</t>
  </si>
  <si>
    <t>ＨＡＹＡＭＡＮＡ　ＢＥＡＣＨ　ＨＯＵＳＥ</t>
  </si>
  <si>
    <t>秋田屋　Ａｎｎｅｘ</t>
  </si>
  <si>
    <t>鎌倉市腰越２－１２－２０</t>
  </si>
  <si>
    <t>ＡＮＮＥＸ　ＳＨＯＮＡＮ</t>
  </si>
  <si>
    <t>鎌倉市腰越４－１－７－３</t>
  </si>
  <si>
    <t>鎌倉市小町１－６－１５　ｉ－ＺＡ鎌倉　住居棟３Ｆ</t>
    <rPh sb="16" eb="18">
      <t>カマクラ</t>
    </rPh>
    <rPh sb="19" eb="21">
      <t>ジュウキョ</t>
    </rPh>
    <rPh sb="21" eb="22">
      <t>トウ</t>
    </rPh>
    <phoneticPr fontId="1"/>
  </si>
  <si>
    <t>第020147号</t>
    <phoneticPr fontId="1"/>
  </si>
  <si>
    <t>ルイのお宿</t>
    <rPh sb="4" eb="5">
      <t>ヤド</t>
    </rPh>
    <phoneticPr fontId="1"/>
  </si>
  <si>
    <t>オーシャンビュー鎌倉（材木座テラス）</t>
    <rPh sb="8" eb="10">
      <t>カマクラ</t>
    </rPh>
    <rPh sb="11" eb="14">
      <t>ザイモクザ</t>
    </rPh>
    <phoneticPr fontId="1"/>
  </si>
  <si>
    <t>ブラウンハイツ大船　土幣</t>
    <phoneticPr fontId="1"/>
  </si>
  <si>
    <t>第020134号</t>
    <phoneticPr fontId="1"/>
  </si>
  <si>
    <t>第020136号</t>
    <phoneticPr fontId="1"/>
  </si>
  <si>
    <t>ＳＬＡＭＳ</t>
    <phoneticPr fontId="1"/>
  </si>
  <si>
    <t>ｈａｌｅｔｔｏ　ｈｏｕｓｅ　００１　ＫＯＳＨＩＧＯＥ</t>
    <phoneticPr fontId="1"/>
  </si>
  <si>
    <t>鎌倉市腰越２－１２－９</t>
    <phoneticPr fontId="1"/>
  </si>
  <si>
    <t>第020139号</t>
    <phoneticPr fontId="1"/>
  </si>
  <si>
    <t>鎌倉市腰越２－１３－１４</t>
    <phoneticPr fontId="1"/>
  </si>
  <si>
    <t>鎌倉市腰越３－８－８</t>
    <phoneticPr fontId="1"/>
  </si>
  <si>
    <t>T-REEF Vacation House "Pine Tree"</t>
    <phoneticPr fontId="1"/>
  </si>
  <si>
    <t>第020141号</t>
    <phoneticPr fontId="1"/>
  </si>
  <si>
    <t>第020146号</t>
    <phoneticPr fontId="1"/>
  </si>
  <si>
    <t>Ｖｉｌｌａ　Ｋａｍａｋｕｒａ</t>
    <phoneticPr fontId="1"/>
  </si>
  <si>
    <t>第020149号</t>
    <phoneticPr fontId="1"/>
  </si>
  <si>
    <t>岸家旅館</t>
    <rPh sb="0" eb="1">
      <t>キシ</t>
    </rPh>
    <rPh sb="1" eb="2">
      <t>ヤ</t>
    </rPh>
    <rPh sb="2" eb="4">
      <t>リョカン</t>
    </rPh>
    <phoneticPr fontId="1"/>
  </si>
  <si>
    <t>鎌倉市坂ノ下２１－５</t>
    <phoneticPr fontId="1"/>
  </si>
  <si>
    <t>第020133号</t>
    <phoneticPr fontId="1"/>
  </si>
  <si>
    <t>第020135号</t>
    <phoneticPr fontId="1"/>
  </si>
  <si>
    <t>第020148号</t>
    <phoneticPr fontId="1"/>
  </si>
  <si>
    <t>鎌倉市材木座５－６－２６</t>
    <phoneticPr fontId="1"/>
  </si>
  <si>
    <t>Ｔ－ＲＥＥＦ　Ｖａｃａｔｉｏｎ　Ｈｏｕｓｅ　”ＢＬＵＥ　ＬＡＧＯＯＮ”</t>
    <phoneticPr fontId="1"/>
  </si>
  <si>
    <t>ときは～ＫＡＭＡＫＵＲＡ　Ｂａｃｋｐａｃｋｅｒｓ</t>
    <phoneticPr fontId="1"/>
  </si>
  <si>
    <t>鎌倉市常盤４０１</t>
    <phoneticPr fontId="1"/>
  </si>
  <si>
    <t>第020131号</t>
    <phoneticPr fontId="1"/>
  </si>
  <si>
    <t>CASA.Kamakura Espresso.PUB&amp;BED</t>
    <phoneticPr fontId="1"/>
  </si>
  <si>
    <t>ｏｆｆｉｃｅ　Ｎ</t>
    <phoneticPr fontId="1"/>
  </si>
  <si>
    <t>鎌倉市由比ガ浜３－１１－４２　ライオンズマンション鎌倉由比ガ浜２０３</t>
    <rPh sb="25" eb="27">
      <t>カマクラ</t>
    </rPh>
    <rPh sb="27" eb="29">
      <t>ユイ</t>
    </rPh>
    <rPh sb="30" eb="31">
      <t>ハマ</t>
    </rPh>
    <phoneticPr fontId="1"/>
  </si>
  <si>
    <t>由比ヶ浜アパート</t>
    <phoneticPr fontId="1"/>
  </si>
  <si>
    <t>鎌倉市由比ガ浜４－４－４０　由比ヶ浜ハイツ２０１</t>
    <phoneticPr fontId="1"/>
  </si>
  <si>
    <t>鎌倉市雪ノ下１－９－２９</t>
    <phoneticPr fontId="1"/>
  </si>
  <si>
    <t>ＰＵＲＰＬＥ　ＳＯＦＡ　ＨＯＵＳＥ</t>
    <phoneticPr fontId="1"/>
  </si>
  <si>
    <t>第020132号</t>
    <phoneticPr fontId="1"/>
  </si>
  <si>
    <t>逗子市新宿２－９－２４</t>
    <phoneticPr fontId="1"/>
  </si>
  <si>
    <t>葉山町堀内４４７－１０</t>
    <phoneticPr fontId="1"/>
  </si>
  <si>
    <t>第020130号</t>
    <phoneticPr fontId="1"/>
  </si>
  <si>
    <t>Ｔｈｅ　Ｂａｔｈ　＆　Ｂｅｄ　Ｈａｙａｍａ</t>
    <phoneticPr fontId="1"/>
  </si>
  <si>
    <t>ホテルニューカマクラ</t>
    <phoneticPr fontId="1"/>
  </si>
  <si>
    <t>第020151号</t>
    <phoneticPr fontId="1"/>
  </si>
  <si>
    <t>ＳＨＯＮＡＮ　ｇａｒｄｅｎ</t>
    <phoneticPr fontId="1"/>
  </si>
  <si>
    <t>鎌倉市腰越２－６－３</t>
    <rPh sb="0" eb="2">
      <t>カマクラ</t>
    </rPh>
    <rPh sb="2" eb="3">
      <t>シ</t>
    </rPh>
    <rPh sb="3" eb="5">
      <t>コシゴエ</t>
    </rPh>
    <phoneticPr fontId="1"/>
  </si>
  <si>
    <t>第020142号</t>
    <phoneticPr fontId="1"/>
  </si>
  <si>
    <t>第020128号</t>
    <phoneticPr fontId="1"/>
  </si>
  <si>
    <t>ピノッキオビーチハウス</t>
    <phoneticPr fontId="1"/>
  </si>
  <si>
    <t>T-REEF Vacation House "Leaf"</t>
    <phoneticPr fontId="1"/>
  </si>
  <si>
    <t>鎌倉市坂ノ下１９－１２</t>
    <phoneticPr fontId="1"/>
  </si>
  <si>
    <t>ＨＡＳＥ　ＴＥＲＲＡＣＥ</t>
    <phoneticPr fontId="1"/>
  </si>
  <si>
    <t>第020150号</t>
    <phoneticPr fontId="1"/>
  </si>
  <si>
    <t>鎌倉市由比ガ浜４－４－３７－４</t>
    <phoneticPr fontId="1"/>
  </si>
  <si>
    <t>鎌倉市由比ガ浜４－１０－７</t>
    <phoneticPr fontId="1"/>
  </si>
  <si>
    <t>ａｍｉ　ｈａｙａｍａ</t>
    <phoneticPr fontId="1"/>
  </si>
  <si>
    <t>第020137号</t>
    <phoneticPr fontId="1"/>
  </si>
  <si>
    <t>葉山町堀内３８４</t>
    <phoneticPr fontId="1"/>
  </si>
  <si>
    <t>第020145号</t>
    <phoneticPr fontId="1"/>
  </si>
  <si>
    <t>Ｇｒｅｅｎ＆Ｏｃｅａｎ　Ｈａｙａｍａ</t>
    <phoneticPr fontId="1"/>
  </si>
  <si>
    <t>ＧＬＯＣＡＬ　逗子ビーチハウス / Zushi Beach House</t>
    <rPh sb="7" eb="9">
      <t>ズシ</t>
    </rPh>
    <phoneticPr fontId="1"/>
  </si>
  <si>
    <t>第020152号</t>
    <phoneticPr fontId="1"/>
  </si>
  <si>
    <t>ＳｕｒｆＲｉｄｅｒ　Ｂ＆Ｂ　ＫＡＭＡＫＵＲＡ</t>
  </si>
  <si>
    <t>鎌倉市由比ガ浜２－２２－１１　２階</t>
  </si>
  <si>
    <t>ＭＯＲＩＴＯ　Ｆｕｎｎｙ　ｈｏｕｓｅ</t>
  </si>
  <si>
    <t>ＺＵＳＨＩ　Ｆｕｎｎｙ　ｈｏｕｓｅ</t>
  </si>
  <si>
    <t>逗子市小坪５－９－１－201</t>
    <rPh sb="0" eb="3">
      <t>ズシシ</t>
    </rPh>
    <rPh sb="3" eb="5">
      <t>コツボ</t>
    </rPh>
    <phoneticPr fontId="1"/>
  </si>
  <si>
    <t>第020153号</t>
    <phoneticPr fontId="1"/>
  </si>
  <si>
    <t>ＡＴＴＡ　ＨＯＴＥＬ　ＫＡＭＡＫＵＲＡ　碧蔵</t>
    <phoneticPr fontId="1"/>
  </si>
  <si>
    <t>鎌倉市大町５－４－３６</t>
    <phoneticPr fontId="1"/>
  </si>
  <si>
    <t>逗子市小坪５－９－１－202</t>
    <rPh sb="0" eb="3">
      <t>ズシシ</t>
    </rPh>
    <rPh sb="3" eb="5">
      <t>コツボ</t>
    </rPh>
    <phoneticPr fontId="1"/>
  </si>
  <si>
    <t>第020154号</t>
    <phoneticPr fontId="1"/>
  </si>
  <si>
    <t>逗子市山の根１－３－２６</t>
    <phoneticPr fontId="1"/>
  </si>
  <si>
    <t>鎌倉市坂ノ下１５－１４ ２階</t>
    <rPh sb="0" eb="2">
      <t>カマクラ</t>
    </rPh>
    <rPh sb="2" eb="3">
      <t>シ</t>
    </rPh>
    <rPh sb="3" eb="4">
      <t>サカ</t>
    </rPh>
    <rPh sb="5" eb="6">
      <t>シタ</t>
    </rPh>
    <rPh sb="13" eb="14">
      <t>カイ</t>
    </rPh>
    <phoneticPr fontId="1"/>
  </si>
  <si>
    <t>鎌倉市坂ノ下１５－１４ ３階</t>
    <rPh sb="0" eb="2">
      <t>カマクラ</t>
    </rPh>
    <rPh sb="2" eb="3">
      <t>シ</t>
    </rPh>
    <rPh sb="3" eb="4">
      <t>サカ</t>
    </rPh>
    <rPh sb="5" eb="6">
      <t>シタ</t>
    </rPh>
    <rPh sb="13" eb="14">
      <t>カイ</t>
    </rPh>
    <phoneticPr fontId="1"/>
  </si>
  <si>
    <t>第020158号</t>
    <rPh sb="0" eb="1">
      <t>ダイ</t>
    </rPh>
    <rPh sb="7" eb="8">
      <t>ゴウ</t>
    </rPh>
    <phoneticPr fontId="1"/>
  </si>
  <si>
    <t>JR東日本ホテルメッツかまくら大船</t>
    <phoneticPr fontId="1"/>
  </si>
  <si>
    <t>Villa　Kamakura</t>
    <phoneticPr fontId="1"/>
  </si>
  <si>
    <t>第020160号</t>
  </si>
  <si>
    <t>うみのホテル</t>
  </si>
  <si>
    <t>葉山町堀内２５１－１</t>
  </si>
  <si>
    <t>第020161号</t>
  </si>
  <si>
    <t>第020162号</t>
  </si>
  <si>
    <t>貸切民宿　KAMAKURA　FINE　house</t>
  </si>
  <si>
    <t>鎌倉市大町２－１－１１</t>
  </si>
  <si>
    <t>相鉄フレッサイン大船駅笠間口</t>
    <rPh sb="0" eb="2">
      <t>ソウテツ</t>
    </rPh>
    <rPh sb="8" eb="10">
      <t>オオフナ</t>
    </rPh>
    <rPh sb="10" eb="11">
      <t>エキ</t>
    </rPh>
    <rPh sb="11" eb="13">
      <t>カサマ</t>
    </rPh>
    <rPh sb="13" eb="14">
      <t>グチ</t>
    </rPh>
    <phoneticPr fontId="1"/>
  </si>
  <si>
    <t>第020163号</t>
    <rPh sb="0" eb="1">
      <t>ダイ</t>
    </rPh>
    <rPh sb="7" eb="8">
      <t>ゴウ</t>
    </rPh>
    <phoneticPr fontId="1"/>
  </si>
  <si>
    <t>第020164号</t>
    <rPh sb="0" eb="1">
      <t>ダイ</t>
    </rPh>
    <rPh sb="7" eb="8">
      <t>ゴウ</t>
    </rPh>
    <phoneticPr fontId="1"/>
  </si>
  <si>
    <t>第020165号</t>
    <rPh sb="0" eb="1">
      <t>ダイ</t>
    </rPh>
    <rPh sb="7" eb="8">
      <t>ゴウ</t>
    </rPh>
    <phoneticPr fontId="1"/>
  </si>
  <si>
    <t>タローズハウス鎌倉HASE</t>
  </si>
  <si>
    <t>ＲＩＶＥＲ　ＳＩＤＥ　ＩＮＮ　ＫＡＭＡＫＵＲＡ</t>
  </si>
  <si>
    <t>鎌倉市津西1－４－２</t>
  </si>
  <si>
    <t>第020166号</t>
    <rPh sb="0" eb="1">
      <t>ダイ</t>
    </rPh>
    <rPh sb="7" eb="8">
      <t>ゴウ</t>
    </rPh>
    <phoneticPr fontId="1"/>
  </si>
  <si>
    <t>第020168号</t>
    <rPh sb="0" eb="1">
      <t>ダイ</t>
    </rPh>
    <rPh sb="7" eb="8">
      <t>ゴウ</t>
    </rPh>
    <phoneticPr fontId="1"/>
  </si>
  <si>
    <t>第020169号</t>
    <rPh sb="0" eb="1">
      <t>ダイ</t>
    </rPh>
    <rPh sb="7" eb="8">
      <t>ゴウ</t>
    </rPh>
    <phoneticPr fontId="1"/>
  </si>
  <si>
    <t>第020170号</t>
    <rPh sb="0" eb="1">
      <t>ダイ</t>
    </rPh>
    <rPh sb="7" eb="8">
      <t>ゴウ</t>
    </rPh>
    <phoneticPr fontId="1"/>
  </si>
  <si>
    <t>相鉄フレッサイン鎌倉大船駅東口</t>
  </si>
  <si>
    <t>鎌倉市大船１－２２－３</t>
  </si>
  <si>
    <t>鎌倉市大船２－２４－１９</t>
  </si>
  <si>
    <t>ゲストルーム鎌倉Nagomi～紫陽花～</t>
  </si>
  <si>
    <t>鎌倉市小町１－６－１５i－ZA鎌倉４階</t>
  </si>
  <si>
    <t>ＡＮＯ　ＨＯＵＳＥ</t>
  </si>
  <si>
    <t>鎌倉市材木座１－５－２７</t>
  </si>
  <si>
    <t>ゲストルーム鎌倉Nagomi～椿～</t>
    <phoneticPr fontId="1"/>
  </si>
  <si>
    <t>第020171号</t>
    <rPh sb="0" eb="1">
      <t>ダイ</t>
    </rPh>
    <rPh sb="7" eb="8">
      <t>ゴウ</t>
    </rPh>
    <phoneticPr fontId="1"/>
  </si>
  <si>
    <t>第020172号</t>
    <rPh sb="0" eb="1">
      <t>ダイ</t>
    </rPh>
    <rPh sb="7" eb="8">
      <t>ゴウ</t>
    </rPh>
    <phoneticPr fontId="1"/>
  </si>
  <si>
    <t>ATTA　HOTEL　KAMAKURA　碧蔵</t>
  </si>
  <si>
    <t>１７ＳＵＲＦ</t>
  </si>
  <si>
    <t>鎌倉市腰越３－１４－１１</t>
  </si>
  <si>
    <t>鎌倉市大町５－４－３６ ２号館</t>
    <phoneticPr fontId="1"/>
  </si>
  <si>
    <t>由比ヶ浜アパート２０３</t>
    <rPh sb="0" eb="4">
      <t>ユイガハマ</t>
    </rPh>
    <phoneticPr fontId="1"/>
  </si>
  <si>
    <t>鎌倉市由比ガ浜４－４－４０　由比ヶ浜ハイツ２０３</t>
    <phoneticPr fontId="1"/>
  </si>
  <si>
    <t>第020173号</t>
    <rPh sb="0" eb="1">
      <t>ダイ</t>
    </rPh>
    <rPh sb="7" eb="8">
      <t>ゴウ</t>
    </rPh>
    <phoneticPr fontId="1"/>
  </si>
  <si>
    <t>なぎさ通りハウス</t>
  </si>
  <si>
    <t>逗子市逗子１－２６２－４</t>
  </si>
  <si>
    <t>第020175号</t>
    <phoneticPr fontId="1"/>
  </si>
  <si>
    <t>鎌倉市長谷２－２２－３１</t>
  </si>
  <si>
    <t>No</t>
    <phoneticPr fontId="1"/>
  </si>
  <si>
    <t>B＆B由比ガ浜</t>
  </si>
  <si>
    <t>ＦＯＬＫ　ＫＯＳＨＩＧＯＥ</t>
  </si>
  <si>
    <t>Ｈａｙａｍａ　Ｇｕｅｓｔｈｏｕｓｅ</t>
  </si>
  <si>
    <t>サンタハウス</t>
  </si>
  <si>
    <t>鎌倉市由比ガ浜４－３－９　１・２階</t>
  </si>
  <si>
    <t>第020177号</t>
    <phoneticPr fontId="1"/>
  </si>
  <si>
    <t>第020180号</t>
    <phoneticPr fontId="1"/>
  </si>
  <si>
    <t>第020181号</t>
  </si>
  <si>
    <t>第020178号</t>
    <phoneticPr fontId="1"/>
  </si>
  <si>
    <t>第020176号</t>
    <phoneticPr fontId="1"/>
  </si>
  <si>
    <t>葉山町一色１１９１</t>
    <phoneticPr fontId="1"/>
  </si>
  <si>
    <t>葉山町堀内１０２２</t>
    <phoneticPr fontId="1"/>
  </si>
  <si>
    <t>ＦＬＡＧ　Ｚｕｓｈｉ</t>
    <phoneticPr fontId="1"/>
  </si>
  <si>
    <t>ＥＫ　Ｈｏｕｓｅ　由比ガ浜</t>
  </si>
  <si>
    <t>鎌倉市由比ガ浜２－９－３４ １Ｆ</t>
  </si>
  <si>
    <t>マリブホテル</t>
  </si>
  <si>
    <t xml:space="preserve">逗子市小坪５－２３－１６ </t>
  </si>
  <si>
    <t>ＡＭＩＧＯ　ＩＮＮ　ｍａｒｉｎｅ　ｂｒａｎｃｈ</t>
  </si>
  <si>
    <t>逗子市新宿２－２－１０ ２Ｆ</t>
  </si>
  <si>
    <t>源ホテル鎌倉</t>
  </si>
  <si>
    <t>鎌倉市雪ノ下１－８－３６ ２階・３階</t>
  </si>
  <si>
    <t>平野邸　Ｈａｙａｍａ</t>
  </si>
  <si>
    <t>材木座の家</t>
  </si>
  <si>
    <t xml:space="preserve">鎌倉市材木座５－１０－４０ </t>
  </si>
  <si>
    <t>Ｔｒａｗｌ（トロール）</t>
  </si>
  <si>
    <t xml:space="preserve">鎌倉市腰越３－２７－１６ </t>
  </si>
  <si>
    <t>第020182号</t>
    <phoneticPr fontId="1"/>
  </si>
  <si>
    <t>第020184号</t>
    <phoneticPr fontId="1"/>
  </si>
  <si>
    <t>第020185号</t>
    <phoneticPr fontId="1"/>
  </si>
  <si>
    <t>第020183号</t>
    <phoneticPr fontId="1"/>
  </si>
  <si>
    <t>第020187号</t>
    <phoneticPr fontId="1"/>
  </si>
  <si>
    <t>第020186号</t>
    <phoneticPr fontId="1"/>
  </si>
  <si>
    <t>第020188号</t>
    <rPh sb="7" eb="8">
      <t>ゴウ</t>
    </rPh>
    <phoneticPr fontId="1"/>
  </si>
  <si>
    <t xml:space="preserve">葉山町堀内１８３３ </t>
    <phoneticPr fontId="1"/>
  </si>
  <si>
    <t>鎌倉市由比ガ浜３－１２－２９　２階・３階</t>
    <phoneticPr fontId="1"/>
  </si>
  <si>
    <t>鎌倉市腰越３－２８－１４　１階</t>
    <phoneticPr fontId="1"/>
  </si>
  <si>
    <t>パーパスリゾートオーシャンビュー鎌倉</t>
  </si>
  <si>
    <t xml:space="preserve">鎌倉市由比ガ浜4-3-35 </t>
  </si>
  <si>
    <t>ホテルメトロポリタン鎌倉</t>
  </si>
  <si>
    <t xml:space="preserve">鎌倉市小町１－８－１ </t>
  </si>
  <si>
    <t>ＺＡＩＭＯＫＵＺＡ　ＳＥＡＳＯＮＳ</t>
  </si>
  <si>
    <t>鎌倉市材木座５－８－２５ 材木座テラス１階</t>
  </si>
  <si>
    <t>ゲストハウスＳＨＩＢＡＦＵ</t>
  </si>
  <si>
    <t xml:space="preserve">鎌倉市長谷１－１５－２２ </t>
  </si>
  <si>
    <t>ゲストハウスＳＨＩＢＡＦＵ２</t>
  </si>
  <si>
    <t xml:space="preserve">鎌倉市長谷１－１５－２３ </t>
  </si>
  <si>
    <t>第020190号</t>
    <rPh sb="0" eb="1">
      <t>ダイ</t>
    </rPh>
    <rPh sb="7" eb="8">
      <t>ゴウ</t>
    </rPh>
    <phoneticPr fontId="1"/>
  </si>
  <si>
    <t>第020189号</t>
    <rPh sb="0" eb="1">
      <t>ダイ</t>
    </rPh>
    <rPh sb="7" eb="8">
      <t>ゴウ</t>
    </rPh>
    <phoneticPr fontId="1"/>
  </si>
  <si>
    <t>第020191号</t>
    <rPh sb="0" eb="1">
      <t>ダイ</t>
    </rPh>
    <rPh sb="7" eb="8">
      <t>ゴウ</t>
    </rPh>
    <phoneticPr fontId="1"/>
  </si>
  <si>
    <t>第020192号</t>
    <rPh sb="0" eb="1">
      <t>ダイ</t>
    </rPh>
    <rPh sb="7" eb="8">
      <t>ゴウ</t>
    </rPh>
    <phoneticPr fontId="1"/>
  </si>
  <si>
    <t>第020193号</t>
    <rPh sb="0" eb="1">
      <t>ダイ</t>
    </rPh>
    <rPh sb="7" eb="8">
      <t>ゴウ</t>
    </rPh>
    <phoneticPr fontId="1"/>
  </si>
  <si>
    <t>第020194号</t>
    <rPh sb="0" eb="1">
      <t>ダイ</t>
    </rPh>
    <rPh sb="7" eb="8">
      <t>ゴウ</t>
    </rPh>
    <phoneticPr fontId="1"/>
  </si>
  <si>
    <t>葉山町堀内９０５－５</t>
    <rPh sb="0" eb="3">
      <t>ハヤママチ</t>
    </rPh>
    <phoneticPr fontId="1"/>
  </si>
  <si>
    <t>Ｔｈｅ　ｌｏｕｎｇｅ　Ｈａｓｅ</t>
    <phoneticPr fontId="1"/>
  </si>
  <si>
    <t>鎌倉市長谷２－７－２２</t>
    <phoneticPr fontId="1"/>
  </si>
  <si>
    <t>第020195号</t>
    <rPh sb="0" eb="1">
      <t>ダイ</t>
    </rPh>
    <rPh sb="7" eb="8">
      <t>ゴウ</t>
    </rPh>
    <phoneticPr fontId="1"/>
  </si>
  <si>
    <t>ＨＯＴＥＬ　ＡＯ　ＫＡＭＡＫＵＲＡ</t>
    <phoneticPr fontId="1"/>
  </si>
  <si>
    <t>鎌倉市腰越３－１－７</t>
    <phoneticPr fontId="1"/>
  </si>
  <si>
    <t>第020196号</t>
    <rPh sb="0" eb="1">
      <t>ダイ</t>
    </rPh>
    <rPh sb="7" eb="8">
      <t>ゴウ</t>
    </rPh>
    <phoneticPr fontId="1"/>
  </si>
  <si>
    <t>ＫＯＳＨＩＧＯＥ　ｓｅａｓｉｄｅ　ｉｎｎ</t>
    <phoneticPr fontId="1"/>
  </si>
  <si>
    <t>鎌倉市腰越３－３－１６</t>
    <phoneticPr fontId="1"/>
  </si>
  <si>
    <t>第020199号</t>
    <rPh sb="0" eb="1">
      <t>ダイ</t>
    </rPh>
    <rPh sb="7" eb="8">
      <t>ゴウ</t>
    </rPh>
    <phoneticPr fontId="1"/>
  </si>
  <si>
    <t>ＡＴＴＡ　ＨＯＴＥＬ　ＫＡＭＡＫＵＲＡ２</t>
    <phoneticPr fontId="1"/>
  </si>
  <si>
    <t>鎌倉市大町５－５－９</t>
    <phoneticPr fontId="1"/>
  </si>
  <si>
    <t>第020197号</t>
    <rPh sb="0" eb="1">
      <t>ダイ</t>
    </rPh>
    <rPh sb="7" eb="8">
      <t>ゴウ</t>
    </rPh>
    <phoneticPr fontId="1"/>
  </si>
  <si>
    <t>ＳＡＫＡＮＯＳＨＩＴＡ</t>
    <phoneticPr fontId="1"/>
  </si>
  <si>
    <t>鎌倉市坂ノ下２０－１４</t>
    <phoneticPr fontId="1"/>
  </si>
  <si>
    <t>第020198号</t>
    <rPh sb="0" eb="1">
      <t>ダイ</t>
    </rPh>
    <rPh sb="7" eb="8">
      <t>ゴウ</t>
    </rPh>
    <phoneticPr fontId="1"/>
  </si>
  <si>
    <t>二葉会館　アネックス</t>
    <phoneticPr fontId="1"/>
  </si>
  <si>
    <t>逗子市久木１－３－１</t>
    <phoneticPr fontId="1"/>
  </si>
  <si>
    <t>第020200号</t>
    <rPh sb="0" eb="1">
      <t>ダイ</t>
    </rPh>
    <rPh sb="7" eb="8">
      <t>ゴウ</t>
    </rPh>
    <phoneticPr fontId="1"/>
  </si>
  <si>
    <t>シュクール大船</t>
    <phoneticPr fontId="1"/>
  </si>
  <si>
    <t>＆ＭＯＯＮ　Ｎｏａ</t>
    <phoneticPr fontId="1"/>
  </si>
  <si>
    <t>ＫＡＭＡ－ＣＲＯＷＤ</t>
    <phoneticPr fontId="1"/>
  </si>
  <si>
    <t>鎌倉市坂ノ下１５－１４　１Ｆ</t>
    <phoneticPr fontId="1"/>
  </si>
  <si>
    <t>第020202号</t>
    <rPh sb="0" eb="1">
      <t>ダイ</t>
    </rPh>
    <rPh sb="7" eb="8">
      <t>ゴウ</t>
    </rPh>
    <phoneticPr fontId="1"/>
  </si>
  <si>
    <t>鎌倉市由比ガ浜４－３－３４</t>
    <phoneticPr fontId="1"/>
  </si>
  <si>
    <t>第020203号</t>
    <rPh sb="0" eb="1">
      <t>ダイ</t>
    </rPh>
    <rPh sb="7" eb="8">
      <t>ゴウ</t>
    </rPh>
    <phoneticPr fontId="1"/>
  </si>
  <si>
    <t>海街生活　腰越みなと館</t>
    <phoneticPr fontId="1"/>
  </si>
  <si>
    <t>第020204号</t>
    <phoneticPr fontId="1"/>
  </si>
  <si>
    <t>第020205号</t>
    <phoneticPr fontId="1"/>
  </si>
  <si>
    <t>ＫＡＭＡＫＵＲＡ ＨＯＴＥＬ</t>
    <phoneticPr fontId="1"/>
  </si>
  <si>
    <t>鎌倉市御成町１２－２７</t>
    <phoneticPr fontId="1"/>
  </si>
  <si>
    <t>第020206号</t>
    <rPh sb="0" eb="1">
      <t>ダイ</t>
    </rPh>
    <rPh sb="7" eb="8">
      <t>ゴウ</t>
    </rPh>
    <phoneticPr fontId="1"/>
  </si>
  <si>
    <t>Ｙｕｉｇａｈａｍａ　千世</t>
    <phoneticPr fontId="1"/>
  </si>
  <si>
    <t>ハルちゃん</t>
    <phoneticPr fontId="1"/>
  </si>
  <si>
    <t>逗子市小坪５－１０－８</t>
    <phoneticPr fontId="1"/>
  </si>
  <si>
    <t>第020208号</t>
    <rPh sb="0" eb="1">
      <t>ダイ</t>
    </rPh>
    <rPh sb="7" eb="8">
      <t>ゴウ</t>
    </rPh>
    <phoneticPr fontId="1"/>
  </si>
  <si>
    <t>ビーチサイドハウス Ｓｈｅｌｌ Ｋａｍａｋｕｒａ Ｈａｓｅ</t>
    <phoneticPr fontId="1"/>
  </si>
  <si>
    <t>鎌倉市長谷２－６－３７</t>
    <phoneticPr fontId="1"/>
  </si>
  <si>
    <t>第020209号</t>
    <rPh sb="0" eb="1">
      <t>ダイ</t>
    </rPh>
    <rPh sb="7" eb="8">
      <t>ゴウ</t>
    </rPh>
    <phoneticPr fontId="1"/>
  </si>
  <si>
    <t>海宿食堂グッドモーニング材木座</t>
    <phoneticPr fontId="1"/>
  </si>
  <si>
    <t>鎌倉市材木座５－８－２５　材木座テラス１Ｆ</t>
    <rPh sb="0" eb="2">
      <t>カマクラ</t>
    </rPh>
    <rPh sb="2" eb="3">
      <t>シ</t>
    </rPh>
    <phoneticPr fontId="1"/>
  </si>
  <si>
    <t>第020210号</t>
    <rPh sb="0" eb="1">
      <t>ダイ</t>
    </rPh>
    <rPh sb="7" eb="8">
      <t>ゴウ</t>
    </rPh>
    <phoneticPr fontId="1"/>
  </si>
  <si>
    <t>鎌倉市大町２－２－３５</t>
    <rPh sb="0" eb="2">
      <t>カマクラ</t>
    </rPh>
    <rPh sb="2" eb="3">
      <t>シ</t>
    </rPh>
    <phoneticPr fontId="1"/>
  </si>
  <si>
    <t>THE FLOW KAMAKURA（ザ　フロウ　カマクラ）</t>
    <phoneticPr fontId="1"/>
  </si>
  <si>
    <t>鎌倉市材木座５－２－９</t>
    <rPh sb="0" eb="2">
      <t>カマクラ</t>
    </rPh>
    <rPh sb="2" eb="3">
      <t>シ</t>
    </rPh>
    <phoneticPr fontId="1"/>
  </si>
  <si>
    <t>第020212号</t>
    <rPh sb="0" eb="1">
      <t>ダイ</t>
    </rPh>
    <rPh sb="7" eb="8">
      <t>ゴウ</t>
    </rPh>
    <phoneticPr fontId="1"/>
  </si>
  <si>
    <t>ｓｔｅｌｌａ　ｓｔｏｒｉａ　ｃａｐｉｔｏｌｏ　ｔｒｅｚｏ（ステラ　ストーリア　カピートロ　テルツォ）</t>
    <phoneticPr fontId="1"/>
  </si>
  <si>
    <t>葉山町堀内２５５－７</t>
    <rPh sb="0" eb="3">
      <t>ハヤママチ</t>
    </rPh>
    <phoneticPr fontId="1"/>
  </si>
  <si>
    <t>第020213号</t>
    <rPh sb="0" eb="1">
      <t>ダイ</t>
    </rPh>
    <rPh sb="7" eb="8">
      <t>ゴウ</t>
    </rPh>
    <phoneticPr fontId="1"/>
  </si>
  <si>
    <t>THE　HARBOR　TERRACE</t>
    <phoneticPr fontId="1"/>
  </si>
  <si>
    <t>逗子市小坪５－１４－７</t>
    <rPh sb="0" eb="3">
      <t>ズシシ</t>
    </rPh>
    <phoneticPr fontId="1"/>
  </si>
  <si>
    <t>第020214号</t>
    <rPh sb="0" eb="1">
      <t>ダイ</t>
    </rPh>
    <rPh sb="7" eb="8">
      <t>ゴウ</t>
    </rPh>
    <phoneticPr fontId="1"/>
  </si>
  <si>
    <t>スリーボンド保養所</t>
    <phoneticPr fontId="1"/>
  </si>
  <si>
    <t>葉山町一色２３１１－１４</t>
    <rPh sb="0" eb="2">
      <t>ハヤマ</t>
    </rPh>
    <rPh sb="2" eb="3">
      <t>マチ</t>
    </rPh>
    <phoneticPr fontId="1"/>
  </si>
  <si>
    <t>第020215号</t>
    <rPh sb="0" eb="1">
      <t>ダイ</t>
    </rPh>
    <rPh sb="7" eb="8">
      <t>ゴウ</t>
    </rPh>
    <phoneticPr fontId="1"/>
  </si>
  <si>
    <t>鎌倉市長谷２－１４－１５</t>
    <rPh sb="0" eb="2">
      <t>カマクラ</t>
    </rPh>
    <rPh sb="2" eb="3">
      <t>シ</t>
    </rPh>
    <phoneticPr fontId="1"/>
  </si>
  <si>
    <t>Ｖｉｌｌａ　Ｃｏｓｍｏｐｏｌｉｔａｎ　Ｋａｍａｋｕｒａ</t>
  </si>
  <si>
    <t>鎌倉市材木座５－１３－２１－１</t>
    <rPh sb="0" eb="2">
      <t>カマクラ</t>
    </rPh>
    <rPh sb="2" eb="3">
      <t>シ</t>
    </rPh>
    <phoneticPr fontId="1"/>
  </si>
  <si>
    <t>第020217号</t>
    <rPh sb="0" eb="1">
      <t>ダイ</t>
    </rPh>
    <rPh sb="7" eb="8">
      <t>ゴウ</t>
    </rPh>
    <phoneticPr fontId="1"/>
  </si>
  <si>
    <t>ＡＴＴＡ　ＨＯＴＥＬ　ＫＡＭＡＫＵＲＡ　３</t>
    <phoneticPr fontId="1"/>
  </si>
  <si>
    <t>鎌倉市大町５－５－９</t>
    <rPh sb="0" eb="2">
      <t>カマクラ</t>
    </rPh>
    <rPh sb="2" eb="3">
      <t>シ</t>
    </rPh>
    <phoneticPr fontId="1"/>
  </si>
  <si>
    <t>第020218号</t>
    <rPh sb="0" eb="1">
      <t>ダイ</t>
    </rPh>
    <rPh sb="7" eb="8">
      <t>ゴウ</t>
    </rPh>
    <phoneticPr fontId="1"/>
  </si>
  <si>
    <t>葉山町堀内１００５－２８</t>
    <rPh sb="0" eb="3">
      <t>ハヤママチ</t>
    </rPh>
    <phoneticPr fontId="1"/>
  </si>
  <si>
    <t>ＥＬ　ＭＯＲＩＴＯ（エル　モリト）</t>
    <phoneticPr fontId="1"/>
  </si>
  <si>
    <t>第020219号</t>
    <rPh sb="0" eb="1">
      <t>ダイ</t>
    </rPh>
    <rPh sb="7" eb="8">
      <t>ゴウ</t>
    </rPh>
    <phoneticPr fontId="1"/>
  </si>
  <si>
    <t>ゲストハウス「ボンテ」</t>
    <phoneticPr fontId="1"/>
  </si>
  <si>
    <t>鎌倉市腰越３－１６－１７</t>
    <rPh sb="0" eb="2">
      <t>カマクラ</t>
    </rPh>
    <rPh sb="2" eb="3">
      <t>シ</t>
    </rPh>
    <phoneticPr fontId="1"/>
  </si>
  <si>
    <t>第020220号</t>
    <rPh sb="0" eb="1">
      <t>ダイ</t>
    </rPh>
    <rPh sb="7" eb="8">
      <t>ゴウ</t>
    </rPh>
    <phoneticPr fontId="1"/>
  </si>
  <si>
    <t>忍者ホテル　鎌倉</t>
    <phoneticPr fontId="1"/>
  </si>
  <si>
    <t>鎌倉市常盤３７５－３</t>
    <rPh sb="0" eb="2">
      <t>カマクラ</t>
    </rPh>
    <rPh sb="2" eb="3">
      <t>シ</t>
    </rPh>
    <phoneticPr fontId="1"/>
  </si>
  <si>
    <t>第020221号</t>
    <rPh sb="0" eb="1">
      <t>ダイ</t>
    </rPh>
    <rPh sb="7" eb="8">
      <t>ゴウ</t>
    </rPh>
    <phoneticPr fontId="1"/>
  </si>
  <si>
    <t>ＴＨＥ　ＨＯＵＳＥ　ｏｎ　ｔｈｅ　ｂｅａｃｈ</t>
    <phoneticPr fontId="1"/>
  </si>
  <si>
    <t>葉山町堀内１０５５－６</t>
    <rPh sb="0" eb="2">
      <t>ハヤマ</t>
    </rPh>
    <rPh sb="2" eb="3">
      <t>マチ</t>
    </rPh>
    <phoneticPr fontId="1"/>
  </si>
  <si>
    <t>第020222号</t>
    <rPh sb="0" eb="1">
      <t>ダイ</t>
    </rPh>
    <rPh sb="7" eb="8">
      <t>ゴウ</t>
    </rPh>
    <phoneticPr fontId="1"/>
  </si>
  <si>
    <t>ＴＨＥ　ＨＯＵＳＥ　</t>
    <phoneticPr fontId="1"/>
  </si>
  <si>
    <t>葉山町一色２４００－７</t>
    <rPh sb="0" eb="3">
      <t>ハヤママチ</t>
    </rPh>
    <phoneticPr fontId="1"/>
  </si>
  <si>
    <t>第020223号</t>
    <rPh sb="0" eb="1">
      <t>ダイ</t>
    </rPh>
    <rPh sb="7" eb="8">
      <t>ゴウ</t>
    </rPh>
    <phoneticPr fontId="1"/>
  </si>
  <si>
    <t>トーセイホテルココネ鎌倉</t>
    <phoneticPr fontId="1"/>
  </si>
  <si>
    <t>鎌倉市御成町７－１０－１</t>
    <rPh sb="0" eb="2">
      <t>カマクラ</t>
    </rPh>
    <rPh sb="2" eb="3">
      <t>シ</t>
    </rPh>
    <phoneticPr fontId="1"/>
  </si>
  <si>
    <t>第020224号</t>
    <rPh sb="0" eb="1">
      <t>ダイ</t>
    </rPh>
    <rPh sb="7" eb="8">
      <t>ゴウ</t>
    </rPh>
    <phoneticPr fontId="1"/>
  </si>
  <si>
    <t>ｈｏｔｅｌ　ａｉａｏｉ</t>
    <phoneticPr fontId="1"/>
  </si>
  <si>
    <t>鎌倉市長谷２－１６－１５サイトウビル３Ｆ</t>
    <rPh sb="0" eb="2">
      <t>カマクラ</t>
    </rPh>
    <rPh sb="2" eb="3">
      <t>シ</t>
    </rPh>
    <phoneticPr fontId="1"/>
  </si>
  <si>
    <t>第020226号</t>
    <rPh sb="0" eb="1">
      <t>ダイ</t>
    </rPh>
    <rPh sb="7" eb="8">
      <t>ゴウ</t>
    </rPh>
    <phoneticPr fontId="1"/>
  </si>
  <si>
    <t>油屋ハウス</t>
    <phoneticPr fontId="1"/>
  </si>
  <si>
    <t>鎌倉市材木座６－１－３４</t>
    <rPh sb="0" eb="2">
      <t>カマクラ</t>
    </rPh>
    <rPh sb="2" eb="3">
      <t>シ</t>
    </rPh>
    <phoneticPr fontId="1"/>
  </si>
  <si>
    <t>第020227号</t>
    <rPh sb="0" eb="1">
      <t>ダイ</t>
    </rPh>
    <rPh sb="7" eb="8">
      <t>ゴウ</t>
    </rPh>
    <phoneticPr fontId="1"/>
  </si>
  <si>
    <t>別邸 江ノ島</t>
    <phoneticPr fontId="1"/>
  </si>
  <si>
    <t>鎌倉市腰越３－１５－９</t>
    <rPh sb="0" eb="2">
      <t>カマクラ</t>
    </rPh>
    <rPh sb="2" eb="3">
      <t>シ</t>
    </rPh>
    <phoneticPr fontId="1"/>
  </si>
  <si>
    <t>第020228号</t>
    <rPh sb="0" eb="1">
      <t>ダイ</t>
    </rPh>
    <rPh sb="7" eb="8">
      <t>ゴウ</t>
    </rPh>
    <phoneticPr fontId="1"/>
  </si>
  <si>
    <t>鎌倉青山　kamakura　seizan</t>
    <phoneticPr fontId="1"/>
  </si>
  <si>
    <t>鎌倉市御成町１４－３２</t>
    <rPh sb="0" eb="2">
      <t>カマクラ</t>
    </rPh>
    <rPh sb="2" eb="3">
      <t>シ</t>
    </rPh>
    <phoneticPr fontId="1"/>
  </si>
  <si>
    <t>第020229号</t>
    <rPh sb="0" eb="1">
      <t>ダイ</t>
    </rPh>
    <rPh sb="7" eb="8">
      <t>ゴウ</t>
    </rPh>
    <phoneticPr fontId="1"/>
  </si>
  <si>
    <t>Ｔ－ＲＥＥＦ　Ｖａｃａｔｉｏｎ　Ｈｏｕｓｅ　”翡翠－Ｊａｄｅ”</t>
    <phoneticPr fontId="1"/>
  </si>
  <si>
    <t>鎌倉市材木座６－４－４</t>
    <rPh sb="0" eb="2">
      <t>カマクラ</t>
    </rPh>
    <rPh sb="2" eb="3">
      <t>シ</t>
    </rPh>
    <phoneticPr fontId="1"/>
  </si>
  <si>
    <t>第020230号</t>
    <rPh sb="0" eb="1">
      <t>ダイ</t>
    </rPh>
    <rPh sb="7" eb="8">
      <t>ゴウ</t>
    </rPh>
    <phoneticPr fontId="1"/>
  </si>
  <si>
    <t>ＢＩＲＤＨＯＴＥＬ</t>
    <phoneticPr fontId="1"/>
  </si>
  <si>
    <t>鎌倉市由比ガ浜４－８－１</t>
    <rPh sb="0" eb="2">
      <t>カマクラ</t>
    </rPh>
    <rPh sb="2" eb="3">
      <t>シ</t>
    </rPh>
    <phoneticPr fontId="1"/>
  </si>
  <si>
    <t>ＵＢＥ葉山寮</t>
    <phoneticPr fontId="1"/>
  </si>
  <si>
    <t>ｐｌａｔ　ｈｏｓｔｅｌ　ｋｅｉｋｙｕ　ｋａｍａｋｕｒａ　ｗａｖｅ</t>
    <phoneticPr fontId="1"/>
  </si>
  <si>
    <t>鎌倉市由比ガ浜２－２－３９</t>
    <rPh sb="0" eb="2">
      <t>カマクラ</t>
    </rPh>
    <rPh sb="2" eb="3">
      <t>シ</t>
    </rPh>
    <phoneticPr fontId="1"/>
  </si>
  <si>
    <t>第020232号</t>
    <rPh sb="0" eb="1">
      <t>ダイ</t>
    </rPh>
    <rPh sb="7" eb="8">
      <t>ゴウ</t>
    </rPh>
    <phoneticPr fontId="1"/>
  </si>
  <si>
    <t>海行燈</t>
  </si>
  <si>
    <t>鎌倉市腰越３－２７－９</t>
    <rPh sb="0" eb="2">
      <t>カマクラ</t>
    </rPh>
    <rPh sb="2" eb="3">
      <t>シ</t>
    </rPh>
    <phoneticPr fontId="1"/>
  </si>
  <si>
    <t>第020233号</t>
    <rPh sb="0" eb="1">
      <t>ダイ</t>
    </rPh>
    <rPh sb="7" eb="8">
      <t>ゴウ</t>
    </rPh>
    <phoneticPr fontId="1"/>
  </si>
  <si>
    <t>ＫＡＭＡＫＵＲＡ　ＤＥＬ　ＣＯＳＴＡ</t>
    <phoneticPr fontId="1"/>
  </si>
  <si>
    <t>鎌倉市腰越３－１０－７</t>
    <rPh sb="0" eb="2">
      <t>カマクラ</t>
    </rPh>
    <rPh sb="2" eb="3">
      <t>シ</t>
    </rPh>
    <phoneticPr fontId="1"/>
  </si>
  <si>
    <t>第020234号</t>
    <rPh sb="0" eb="1">
      <t>ダイ</t>
    </rPh>
    <rPh sb="7" eb="8">
      <t>ゴウ</t>
    </rPh>
    <phoneticPr fontId="1"/>
  </si>
  <si>
    <t>ＢＥＮＣＨ</t>
    <phoneticPr fontId="1"/>
  </si>
  <si>
    <t>鎌倉市御成町７－１３　御成町７番ビル　１階</t>
    <rPh sb="0" eb="2">
      <t>カマクラ</t>
    </rPh>
    <rPh sb="2" eb="3">
      <t>シ</t>
    </rPh>
    <phoneticPr fontId="1"/>
  </si>
  <si>
    <t>第020235号</t>
    <rPh sb="0" eb="1">
      <t>ダイ</t>
    </rPh>
    <rPh sb="7" eb="8">
      <t>ゴウ</t>
    </rPh>
    <phoneticPr fontId="1"/>
  </si>
  <si>
    <t>ＳＴＥＬＬＡ　ＳＴＯＲＩＡ　由比ガ浜</t>
    <phoneticPr fontId="1"/>
  </si>
  <si>
    <t>鎌倉市由比ガ浜４－１０－１４</t>
    <rPh sb="0" eb="2">
      <t>カマクラ</t>
    </rPh>
    <rPh sb="2" eb="3">
      <t>シ</t>
    </rPh>
    <phoneticPr fontId="1"/>
  </si>
  <si>
    <t>第020236号</t>
    <rPh sb="0" eb="1">
      <t>ダイ</t>
    </rPh>
    <rPh sb="7" eb="8">
      <t>ゴウ</t>
    </rPh>
    <phoneticPr fontId="1"/>
  </si>
  <si>
    <t>スペースキーポイント　リビエラ逗子マリーナ</t>
    <phoneticPr fontId="1"/>
  </si>
  <si>
    <t>逗子市小坪５－２３－１５</t>
    <rPh sb="0" eb="3">
      <t>ズシシ</t>
    </rPh>
    <phoneticPr fontId="1"/>
  </si>
  <si>
    <t>第020237号</t>
    <rPh sb="0" eb="1">
      <t>ダイ</t>
    </rPh>
    <rPh sb="7" eb="8">
      <t>ゴウ</t>
    </rPh>
    <phoneticPr fontId="1"/>
  </si>
  <si>
    <t>鎌倉芙蓉荘</t>
    <phoneticPr fontId="1"/>
  </si>
  <si>
    <t>鎌倉市由比ガ浜４－４－４６</t>
    <rPh sb="0" eb="2">
      <t>カマクラ</t>
    </rPh>
    <rPh sb="2" eb="3">
      <t>シ</t>
    </rPh>
    <phoneticPr fontId="1"/>
  </si>
  <si>
    <t>第020238号</t>
    <rPh sb="0" eb="1">
      <t>ダイ</t>
    </rPh>
    <rPh sb="7" eb="8">
      <t>ゴウ</t>
    </rPh>
    <phoneticPr fontId="1"/>
  </si>
  <si>
    <t>第020231号</t>
    <rPh sb="0" eb="1">
      <t>ダイ</t>
    </rPh>
    <rPh sb="7" eb="8">
      <t>ゴウ</t>
    </rPh>
    <phoneticPr fontId="1"/>
  </si>
  <si>
    <t>ＴＨＥ　ＲＩＶＩＥＲＡ　ＲＥＳＩＤＥＮＣＥ</t>
    <phoneticPr fontId="1"/>
  </si>
  <si>
    <t>逗子市小坪５－２３－１４</t>
    <rPh sb="0" eb="3">
      <t>ズシシ</t>
    </rPh>
    <phoneticPr fontId="1"/>
  </si>
  <si>
    <t>第020239号</t>
    <rPh sb="0" eb="1">
      <t>ダイ</t>
    </rPh>
    <rPh sb="7" eb="8">
      <t>ゴウ</t>
    </rPh>
    <phoneticPr fontId="1"/>
  </si>
  <si>
    <t>ヴィラ　ラメール逗子・葉山</t>
    <phoneticPr fontId="1"/>
  </si>
  <si>
    <t>逗子市桜山９－２－３７</t>
    <rPh sb="0" eb="3">
      <t>ズシシ</t>
    </rPh>
    <phoneticPr fontId="1"/>
  </si>
  <si>
    <t>第020240号</t>
    <rPh sb="0" eb="1">
      <t>ダイ</t>
    </rPh>
    <rPh sb="7" eb="8">
      <t>ゴウ</t>
    </rPh>
    <phoneticPr fontId="1"/>
  </si>
  <si>
    <t>ｂｅｔｔｅｒ　ｈａｌｆ</t>
    <phoneticPr fontId="1"/>
  </si>
  <si>
    <t>鎌倉市腰越２－３１－１０</t>
    <rPh sb="0" eb="2">
      <t>カマクラ</t>
    </rPh>
    <rPh sb="2" eb="3">
      <t>シ</t>
    </rPh>
    <phoneticPr fontId="1"/>
  </si>
  <si>
    <t>第020241号</t>
    <rPh sb="0" eb="1">
      <t>ダイ</t>
    </rPh>
    <rPh sb="7" eb="8">
      <t>ゴウ</t>
    </rPh>
    <phoneticPr fontId="1"/>
  </si>
  <si>
    <t>鎌倉市御成町４－２　２階</t>
    <rPh sb="0" eb="2">
      <t>カマクラ</t>
    </rPh>
    <rPh sb="2" eb="3">
      <t>シ</t>
    </rPh>
    <phoneticPr fontId="1"/>
  </si>
  <si>
    <t>若宮ゲストハウス</t>
    <phoneticPr fontId="1"/>
  </si>
  <si>
    <t>第020242号</t>
    <rPh sb="0" eb="1">
      <t>ダイ</t>
    </rPh>
    <rPh sb="7" eb="8">
      <t>ゴウ</t>
    </rPh>
    <phoneticPr fontId="1"/>
  </si>
  <si>
    <t>葉山森戸ＢＡＳＥ</t>
    <phoneticPr fontId="1"/>
  </si>
  <si>
    <t>葉山町堀内８４６</t>
    <rPh sb="0" eb="3">
      <t>ハヤママチ</t>
    </rPh>
    <phoneticPr fontId="1"/>
  </si>
  <si>
    <t>菴　ＫＡＭＡＫＵＲＡ</t>
    <phoneticPr fontId="1"/>
  </si>
  <si>
    <t>鎌倉市材木座２－１４－１２</t>
    <rPh sb="0" eb="2">
      <t>カマクラ</t>
    </rPh>
    <rPh sb="2" eb="3">
      <t>シ</t>
    </rPh>
    <phoneticPr fontId="1"/>
  </si>
  <si>
    <t>第020244号</t>
    <rPh sb="0" eb="1">
      <t>ダイ</t>
    </rPh>
    <rPh sb="7" eb="8">
      <t>ゴウ</t>
    </rPh>
    <phoneticPr fontId="1"/>
  </si>
  <si>
    <t>第020243号</t>
    <rPh sb="0" eb="1">
      <t>ダイ</t>
    </rPh>
    <rPh sb="7" eb="8">
      <t>ゴウ</t>
    </rPh>
    <phoneticPr fontId="1"/>
  </si>
  <si>
    <t>第020248号</t>
    <phoneticPr fontId="1"/>
  </si>
  <si>
    <t>一棟貸の町宿　ランタン鎌倉</t>
    <phoneticPr fontId="1"/>
  </si>
  <si>
    <t>鎌倉市長谷2－18－4</t>
    <phoneticPr fontId="1"/>
  </si>
  <si>
    <t>ＯＢＬＩＶＩＯＮ</t>
  </si>
  <si>
    <t>第020249号</t>
    <phoneticPr fontId="1"/>
  </si>
  <si>
    <t>逗子市新宿３－２－４０</t>
    <phoneticPr fontId="1"/>
  </si>
  <si>
    <t>ＡＭＩＧＯ ＨＯＵＳＥ</t>
  </si>
  <si>
    <t>第020250号</t>
    <phoneticPr fontId="1"/>
  </si>
  <si>
    <t>葉山町下山口１９６９－１</t>
    <phoneticPr fontId="1"/>
  </si>
  <si>
    <t>Ｔｈｅ　Ｃａｎｖａｓ　Ｈａｙａｍａ　Ｐａｒｋ　Ａ棟（Ａｋａｔｓｕｋｉ）</t>
    <phoneticPr fontId="1"/>
  </si>
  <si>
    <t>Ｔｈｅ　Ｃａｎｖａｓ　Ｈａｙａｍａ　Ｐａｒｋ　Ｂ棟（Ｕｎｋａｉ）</t>
    <phoneticPr fontId="1"/>
  </si>
  <si>
    <t>Ｔｈｅ　Ｃａｎｖａｓ　Ｈａｙａｍａ　Ｐａｒｋ　Ｃ棟（Ｍｉｎａｍｏ）</t>
    <phoneticPr fontId="1"/>
  </si>
  <si>
    <t>第020245号</t>
    <phoneticPr fontId="1"/>
  </si>
  <si>
    <t>第020246号</t>
    <phoneticPr fontId="1"/>
  </si>
  <si>
    <t>第020247号</t>
    <phoneticPr fontId="1"/>
  </si>
  <si>
    <t>一色ブランク</t>
    <phoneticPr fontId="1"/>
  </si>
  <si>
    <t>葉山町一色７０４－１６</t>
    <rPh sb="0" eb="3">
      <t>ハヤママチ</t>
    </rPh>
    <phoneticPr fontId="1"/>
  </si>
  <si>
    <t>第020251号</t>
    <rPh sb="0" eb="1">
      <t>ダイ</t>
    </rPh>
    <rPh sb="7" eb="8">
      <t>ゴウ</t>
    </rPh>
    <phoneticPr fontId="1"/>
  </si>
  <si>
    <t>ＡＭＩＧＯ　ＩＮＮ</t>
    <phoneticPr fontId="1"/>
  </si>
  <si>
    <t>逗子市新宿１－５－14</t>
    <rPh sb="0" eb="3">
      <t>ズシシ</t>
    </rPh>
    <phoneticPr fontId="1"/>
  </si>
  <si>
    <t>第020252号</t>
    <rPh sb="0" eb="1">
      <t>ダイ</t>
    </rPh>
    <rPh sb="7" eb="8">
      <t>ゴウ</t>
    </rPh>
    <phoneticPr fontId="1"/>
  </si>
  <si>
    <t>葉山町一色２５１１－２６</t>
    <rPh sb="0" eb="3">
      <t>ハヤママチ</t>
    </rPh>
    <phoneticPr fontId="1"/>
  </si>
  <si>
    <t>第020253号</t>
    <rPh sb="0" eb="1">
      <t>ダイ</t>
    </rPh>
    <rPh sb="7" eb="8">
      <t>ゴウ</t>
    </rPh>
    <phoneticPr fontId="1"/>
  </si>
  <si>
    <t>ザ・カマクラ・プラスリビング</t>
    <phoneticPr fontId="1"/>
  </si>
  <si>
    <t>鎌倉市小町１－４－４　清和ビル　４Ｆ</t>
    <rPh sb="0" eb="3">
      <t>カマクラシ</t>
    </rPh>
    <phoneticPr fontId="1"/>
  </si>
  <si>
    <t>第020255号</t>
    <rPh sb="0" eb="1">
      <t>ダイ</t>
    </rPh>
    <rPh sb="7" eb="8">
      <t>ゴウ</t>
    </rPh>
    <phoneticPr fontId="1"/>
  </si>
  <si>
    <t>第020254号</t>
    <rPh sb="0" eb="1">
      <t>ダイ</t>
    </rPh>
    <rPh sb="7" eb="8">
      <t>ゴウ</t>
    </rPh>
    <phoneticPr fontId="1"/>
  </si>
  <si>
    <t>Ｋａｍａｃｒｅｅｋゲストルーム</t>
    <phoneticPr fontId="1"/>
  </si>
  <si>
    <t>鎌倉市腰越４－２－１４　１F</t>
    <rPh sb="0" eb="3">
      <t>カマクラシ</t>
    </rPh>
    <phoneticPr fontId="1"/>
  </si>
  <si>
    <t>ＭＡＩＳＯＮ　ＤＥ　ＶＡＣＡＮＣＥＳ　ＨＡＹＡＭＡ</t>
    <phoneticPr fontId="1"/>
  </si>
  <si>
    <t>葉山町堀内５０８</t>
    <rPh sb="0" eb="3">
      <t>ハヤママチ</t>
    </rPh>
    <phoneticPr fontId="1"/>
  </si>
  <si>
    <t>第020256号</t>
    <rPh sb="0" eb="1">
      <t>ダイ</t>
    </rPh>
    <rPh sb="7" eb="8">
      <t>ゴウ</t>
    </rPh>
    <phoneticPr fontId="1"/>
  </si>
  <si>
    <t>ＫＩＴＡＫＡＭＡＫＵＲＡ　５２０</t>
    <phoneticPr fontId="1"/>
  </si>
  <si>
    <t>鎌倉市山ノ内５２０－１３</t>
    <rPh sb="0" eb="3">
      <t>カマクラシ</t>
    </rPh>
    <phoneticPr fontId="1"/>
  </si>
  <si>
    <t>第020257号</t>
    <phoneticPr fontId="1"/>
  </si>
  <si>
    <t>ＷｅＢａｓｅ鎌倉</t>
    <phoneticPr fontId="1"/>
  </si>
  <si>
    <t>第020258号</t>
    <phoneticPr fontId="1"/>
  </si>
  <si>
    <t>鎌倉市小町３－６－４</t>
    <rPh sb="0" eb="3">
      <t>カマクラシ</t>
    </rPh>
    <phoneticPr fontId="1"/>
  </si>
  <si>
    <t>寂香庵</t>
    <phoneticPr fontId="1"/>
  </si>
  <si>
    <t>第020259号</t>
    <phoneticPr fontId="1"/>
  </si>
  <si>
    <t>ＡＴＴＡ　ＨＯＴＥＬ　ＫＡＭＡＫＵＲＡ　１０７</t>
    <phoneticPr fontId="1"/>
  </si>
  <si>
    <t>鎌倉市大町５－６－１５　１Ｆ</t>
    <rPh sb="0" eb="3">
      <t>カマクラシ</t>
    </rPh>
    <phoneticPr fontId="1"/>
  </si>
  <si>
    <t>第020260号</t>
    <phoneticPr fontId="1"/>
  </si>
  <si>
    <t>ハセノ島　Ｈｏｔｅｌ　Ｃｏｔｔａｇｅ</t>
    <phoneticPr fontId="1"/>
  </si>
  <si>
    <t>第020261号</t>
    <phoneticPr fontId="1"/>
  </si>
  <si>
    <t>なぎさホテル</t>
    <phoneticPr fontId="1"/>
  </si>
  <si>
    <t>第020014号</t>
    <phoneticPr fontId="1"/>
  </si>
  <si>
    <t>第020262号</t>
    <phoneticPr fontId="1"/>
  </si>
  <si>
    <t>ＷＥ　ＨＯＭＥ　ＳＴＡＹ　鎌倉・由比ヶ浜</t>
    <phoneticPr fontId="1"/>
  </si>
  <si>
    <t>鎌倉市由比ガ浜２－２２－１</t>
    <phoneticPr fontId="1"/>
  </si>
  <si>
    <t>第020264号</t>
    <phoneticPr fontId="1"/>
  </si>
  <si>
    <t>北欧ビーチハウス‐長谷寺</t>
    <phoneticPr fontId="1"/>
  </si>
  <si>
    <t>鎌倉市坂ノ下１１－７</t>
    <phoneticPr fontId="1"/>
  </si>
  <si>
    <t>鎌倉市坂ノ下１3－３</t>
    <phoneticPr fontId="1"/>
  </si>
  <si>
    <t>第020055号</t>
    <phoneticPr fontId="1"/>
  </si>
  <si>
    <t>第020265号</t>
    <phoneticPr fontId="1"/>
  </si>
  <si>
    <t>鎌倉市材木座５－２－１９</t>
    <rPh sb="0" eb="3">
      <t>カマクラシ</t>
    </rPh>
    <phoneticPr fontId="1"/>
  </si>
  <si>
    <t>第020263号</t>
    <phoneticPr fontId="1"/>
  </si>
  <si>
    <t>逗子市桜山９－１－１５</t>
    <phoneticPr fontId="1"/>
  </si>
  <si>
    <t>Ｃａｃｈｅｔｔｅ　ＮＡＧＩＳＡ（カシェット　ナギサ）</t>
    <phoneticPr fontId="1"/>
  </si>
  <si>
    <t>第020266号</t>
    <phoneticPr fontId="1"/>
  </si>
  <si>
    <t>たびの邸宅　鎌倉由比ガ浜</t>
    <phoneticPr fontId="1"/>
  </si>
  <si>
    <t>鎌倉市長谷２－２０－２１</t>
    <phoneticPr fontId="1"/>
  </si>
  <si>
    <t>スイートヴィラ 葉山Lin House</t>
  </si>
  <si>
    <t>鎌倉市植木３５７－４</t>
    <rPh sb="0" eb="3">
      <t>カマクラシ</t>
    </rPh>
    <phoneticPr fontId="1"/>
  </si>
  <si>
    <t>鎌倉大船ＨＯＭＥ</t>
    <phoneticPr fontId="1"/>
  </si>
  <si>
    <t>第020032号</t>
    <phoneticPr fontId="1"/>
  </si>
  <si>
    <t>第020267号</t>
    <phoneticPr fontId="1"/>
  </si>
  <si>
    <t>鎌倉市腰越３－１４－５グランディア鎌倉１０１</t>
    <rPh sb="0" eb="3">
      <t>カマクラシ</t>
    </rPh>
    <phoneticPr fontId="1"/>
  </si>
  <si>
    <t>Ｒ．ＫＡＭＡＫＵＲＡ</t>
    <phoneticPr fontId="1"/>
  </si>
  <si>
    <t>第020268号</t>
    <phoneticPr fontId="1"/>
  </si>
  <si>
    <t>Ｌ３葉山</t>
    <phoneticPr fontId="1"/>
  </si>
  <si>
    <t>葉山町下山口１９７５－３</t>
    <rPh sb="0" eb="3">
      <t>ハヤママチ</t>
    </rPh>
    <phoneticPr fontId="1"/>
  </si>
  <si>
    <t>第020269号</t>
    <phoneticPr fontId="1"/>
  </si>
  <si>
    <t>鎌倉・ＳＥＡ　ＨＯＭＥ</t>
    <phoneticPr fontId="1"/>
  </si>
  <si>
    <t>鎌倉市腰越３－１９－５</t>
    <rPh sb="0" eb="3">
      <t>カマクラシ</t>
    </rPh>
    <phoneticPr fontId="1"/>
  </si>
  <si>
    <t>第020270号</t>
    <phoneticPr fontId="1"/>
  </si>
  <si>
    <t>鎌倉市長谷二丁目７番２９号</t>
    <rPh sb="0" eb="3">
      <t>カマクラシ</t>
    </rPh>
    <phoneticPr fontId="1"/>
  </si>
  <si>
    <t>ＺＥＮ　ＶＡＧＵＥ</t>
    <phoneticPr fontId="1"/>
  </si>
  <si>
    <t>第020271号</t>
    <phoneticPr fontId="1"/>
  </si>
  <si>
    <t>鎌倉市材木座３－６－２</t>
    <rPh sb="0" eb="3">
      <t>カマクラシ</t>
    </rPh>
    <phoneticPr fontId="1"/>
  </si>
  <si>
    <t>Ｔｈｅ　ＣＡＢＩＮ　鎌倉</t>
    <phoneticPr fontId="1"/>
  </si>
  <si>
    <t>第020050号</t>
    <phoneticPr fontId="1"/>
  </si>
  <si>
    <t>第020272号</t>
    <phoneticPr fontId="1"/>
  </si>
  <si>
    <t>鎌倉市由比ガ浜４丁目４－６</t>
    <rPh sb="0" eb="3">
      <t>カマクラシ</t>
    </rPh>
    <phoneticPr fontId="1"/>
  </si>
  <si>
    <t>プラージュ由比ガ浜</t>
    <phoneticPr fontId="1"/>
  </si>
  <si>
    <t>第020273号</t>
    <phoneticPr fontId="1"/>
  </si>
  <si>
    <t>鎌倉市材木座５－８－１９</t>
    <rPh sb="0" eb="3">
      <t>カマクラシ</t>
    </rPh>
    <phoneticPr fontId="1"/>
  </si>
  <si>
    <t>ＦＯＬＳ材木座</t>
    <phoneticPr fontId="1"/>
  </si>
  <si>
    <t>第020274号</t>
    <phoneticPr fontId="1"/>
  </si>
  <si>
    <t>逗子市池子１－１－６</t>
    <rPh sb="0" eb="3">
      <t>ズシシ</t>
    </rPh>
    <phoneticPr fontId="1"/>
  </si>
  <si>
    <t>Ｔｒｅ　ｃａｓａ　ｈｏｔｅｌ　Ｋａｍａｋｕｒａ</t>
    <phoneticPr fontId="1"/>
  </si>
  <si>
    <t>第020049号</t>
    <phoneticPr fontId="1"/>
  </si>
  <si>
    <t>第020275号</t>
    <phoneticPr fontId="1"/>
  </si>
  <si>
    <t>Ｏｈｍａｃｈｉ　Ｊｕｎｘｉｏｎ</t>
    <phoneticPr fontId="1"/>
  </si>
  <si>
    <t>第020276号</t>
    <phoneticPr fontId="1"/>
  </si>
  <si>
    <t>腰越小動の宿</t>
    <phoneticPr fontId="1"/>
  </si>
  <si>
    <t>鎌倉市腰越２丁目７番２号</t>
    <rPh sb="0" eb="3">
      <t>カマクラシ</t>
    </rPh>
    <phoneticPr fontId="1"/>
  </si>
  <si>
    <t>第020277号</t>
    <phoneticPr fontId="1"/>
  </si>
  <si>
    <t>鎌倉市材木座１丁目１４－２５</t>
    <rPh sb="7" eb="9">
      <t>チョウメ</t>
    </rPh>
    <phoneticPr fontId="1"/>
  </si>
  <si>
    <t>風びゅんびゅん</t>
    <phoneticPr fontId="1"/>
  </si>
  <si>
    <t>第020278号</t>
    <phoneticPr fontId="1"/>
  </si>
  <si>
    <t>ビジネスホテル龍と白蛇</t>
    <phoneticPr fontId="1"/>
  </si>
  <si>
    <t>鎌倉市腰越３－１８－１２</t>
    <rPh sb="0" eb="2">
      <t>カマクラ</t>
    </rPh>
    <rPh sb="2" eb="3">
      <t>シ</t>
    </rPh>
    <phoneticPr fontId="1"/>
  </si>
  <si>
    <t>第020279号</t>
    <phoneticPr fontId="1"/>
  </si>
  <si>
    <t>鎌倉花月ＨＯＭＥ</t>
    <phoneticPr fontId="1"/>
  </si>
  <si>
    <t>鎌倉市大町４－１－５１</t>
    <rPh sb="0" eb="2">
      <t>カマクラ</t>
    </rPh>
    <rPh sb="2" eb="3">
      <t>シ</t>
    </rPh>
    <phoneticPr fontId="1"/>
  </si>
  <si>
    <t>第020280号</t>
    <phoneticPr fontId="1"/>
  </si>
  <si>
    <t>さんぽ</t>
    <phoneticPr fontId="1"/>
  </si>
  <si>
    <t>葉山町堀内１０６２－２</t>
    <rPh sb="0" eb="2">
      <t>ハヤマ</t>
    </rPh>
    <rPh sb="2" eb="3">
      <t>マチ</t>
    </rPh>
    <phoneticPr fontId="1"/>
  </si>
  <si>
    <t>第020281号</t>
    <phoneticPr fontId="1"/>
  </si>
  <si>
    <t>風民ハウス　葉山</t>
    <phoneticPr fontId="1"/>
  </si>
  <si>
    <t>葉山町長柄１５８３－２５</t>
    <phoneticPr fontId="1"/>
  </si>
  <si>
    <t>第020282号</t>
    <phoneticPr fontId="1"/>
  </si>
  <si>
    <t>北鎌倉のおうち</t>
    <phoneticPr fontId="1"/>
  </si>
  <si>
    <t>鎌倉市台２－２－１３</t>
    <phoneticPr fontId="1"/>
  </si>
  <si>
    <t>鎌倉市台１８８０－５</t>
    <phoneticPr fontId="1"/>
  </si>
  <si>
    <t>第020283号</t>
    <rPh sb="0" eb="1">
      <t>ダイ</t>
    </rPh>
    <rPh sb="7" eb="8">
      <t>ゴウ</t>
    </rPh>
    <phoneticPr fontId="1"/>
  </si>
  <si>
    <t>鎌倉市材木座５－８－２５　材木座テラス３Ｆ</t>
    <rPh sb="0" eb="2">
      <t>カマクラ</t>
    </rPh>
    <rPh sb="2" eb="3">
      <t>シ</t>
    </rPh>
    <phoneticPr fontId="1"/>
  </si>
  <si>
    <t>ＴＨＥ　ＶＩＥＷ　ＫＡＭＡＫＵＲＡ</t>
  </si>
  <si>
    <t>第020284号</t>
    <phoneticPr fontId="1"/>
  </si>
  <si>
    <t>鎌倉市腰越２丁目１３－２</t>
    <phoneticPr fontId="1"/>
  </si>
  <si>
    <t>鎌倉市長谷２－１７－２４</t>
    <rPh sb="0" eb="3">
      <t>カマクラシ</t>
    </rPh>
    <phoneticPr fontId="1"/>
  </si>
  <si>
    <t>ＱＲＰハウスＫＡＭＡＫＵＲＡ</t>
    <phoneticPr fontId="1"/>
  </si>
  <si>
    <t>第020285号</t>
    <phoneticPr fontId="1"/>
  </si>
  <si>
    <t>逗子市小坪４丁目１２－１３</t>
    <rPh sb="0" eb="3">
      <t>ズシシ</t>
    </rPh>
    <phoneticPr fontId="1"/>
  </si>
  <si>
    <t>逗子小坪ＯＮＤａ</t>
    <phoneticPr fontId="1"/>
  </si>
  <si>
    <t>第020286号</t>
    <phoneticPr fontId="1"/>
  </si>
  <si>
    <t>Ｂｅａｃｈ　Ｈｏｕｓｅ　鎌倉坂ノ下２７３７　</t>
    <phoneticPr fontId="1"/>
  </si>
  <si>
    <t>鎌倉市坂ノ下２７－３７</t>
    <rPh sb="0" eb="3">
      <t>カマクラシ</t>
    </rPh>
    <phoneticPr fontId="1"/>
  </si>
  <si>
    <t>第020287号</t>
    <phoneticPr fontId="1"/>
  </si>
  <si>
    <t>鎌倉市長谷２－１８－９</t>
    <rPh sb="0" eb="3">
      <t>カマクラシ</t>
    </rPh>
    <phoneticPr fontId="1"/>
  </si>
  <si>
    <t>鎌倉ビーチサイドＫハウス</t>
    <phoneticPr fontId="1"/>
  </si>
  <si>
    <t>第020288号</t>
    <phoneticPr fontId="1"/>
  </si>
  <si>
    <t>第020289号</t>
    <phoneticPr fontId="1"/>
  </si>
  <si>
    <t>ＧＬＯＣＥ　逗子葉山ハウス</t>
    <phoneticPr fontId="1"/>
  </si>
  <si>
    <t>逗子市逗子６－５－４２</t>
    <rPh sb="0" eb="3">
      <t>ズシシ</t>
    </rPh>
    <phoneticPr fontId="1"/>
  </si>
  <si>
    <t>第020290号</t>
    <phoneticPr fontId="1"/>
  </si>
  <si>
    <t>鎌倉市腰越三丁目１３－１０　１０２号</t>
    <rPh sb="0" eb="3">
      <t>カマクラシ</t>
    </rPh>
    <phoneticPr fontId="1"/>
  </si>
  <si>
    <t>ＳＹＭＰＯＳＩＯＮ　Ｌｏｃａｎｄａ</t>
    <phoneticPr fontId="1"/>
  </si>
  <si>
    <t>鎌倉市長谷２丁目１７－２３</t>
    <rPh sb="0" eb="3">
      <t>カマクラシ</t>
    </rPh>
    <phoneticPr fontId="1"/>
  </si>
  <si>
    <t>第020291号</t>
    <phoneticPr fontId="1"/>
  </si>
  <si>
    <t>ズッキーズハウス鎌倉</t>
    <phoneticPr fontId="1"/>
  </si>
  <si>
    <t>鎌倉市大町２－２－２９</t>
    <rPh sb="0" eb="3">
      <t>カマクラシ</t>
    </rPh>
    <phoneticPr fontId="1"/>
  </si>
  <si>
    <t>第020292号</t>
    <phoneticPr fontId="1"/>
  </si>
  <si>
    <t>凰琉雅はやま　ＯＬＧＡ　ＨＡＹＡＭＡ</t>
    <phoneticPr fontId="1"/>
  </si>
  <si>
    <t>葉山町一色２１４０</t>
    <rPh sb="0" eb="3">
      <t>ハヤママチ</t>
    </rPh>
    <phoneticPr fontId="1"/>
  </si>
  <si>
    <t>第020293号</t>
    <phoneticPr fontId="1"/>
  </si>
  <si>
    <t>鎌倉市坂ノ下２０－１１</t>
    <rPh sb="0" eb="3">
      <t>カマクラシ</t>
    </rPh>
    <phoneticPr fontId="1"/>
  </si>
  <si>
    <t>ｍｏｋｕｍｏｋｕ　海　ｓａｋａｎｏｓｈｉ</t>
    <phoneticPr fontId="1"/>
  </si>
  <si>
    <t>第020294号</t>
    <phoneticPr fontId="1"/>
  </si>
  <si>
    <t>旅心飯店</t>
    <phoneticPr fontId="1"/>
  </si>
  <si>
    <t>鎌倉市長谷１－１６－２６</t>
    <rPh sb="0" eb="3">
      <t>カマクラシ</t>
    </rPh>
    <phoneticPr fontId="1"/>
  </si>
  <si>
    <t>第020117号</t>
    <phoneticPr fontId="1"/>
  </si>
  <si>
    <t>第020295号</t>
    <phoneticPr fontId="1"/>
  </si>
  <si>
    <t>鎌倉市小町２－１２－３２　裃ビル　２Ｆ－４Ｆ</t>
    <phoneticPr fontId="1"/>
  </si>
  <si>
    <t>Ｔｈｅ　Ｂｉｇ　Ｂｕｄｄｈａ　Ｈｏｌｉｄａｙ　Ｈｏｔｅｌ　Ｋａｍａｋｕｒａ（大仏様の休日）</t>
    <phoneticPr fontId="1"/>
  </si>
  <si>
    <t>第020296号</t>
    <phoneticPr fontId="1"/>
  </si>
  <si>
    <t>鎌倉市腰越３－１７－２１</t>
    <rPh sb="0" eb="3">
      <t>カマクラシ</t>
    </rPh>
    <phoneticPr fontId="1"/>
  </si>
  <si>
    <t>Ｆａｎｄｉｎａ　Ｅリゾート</t>
    <phoneticPr fontId="1"/>
  </si>
  <si>
    <t>第020297号</t>
    <phoneticPr fontId="1"/>
  </si>
  <si>
    <t>ゲストハウスＳＵＮ－ＳＵＩ鎌倉</t>
    <phoneticPr fontId="1"/>
  </si>
  <si>
    <t>鎌倉市坂ノ下２８－１１</t>
    <rPh sb="0" eb="3">
      <t>カマクラシ</t>
    </rPh>
    <phoneticPr fontId="1"/>
  </si>
  <si>
    <t>第020298号</t>
    <phoneticPr fontId="1"/>
  </si>
  <si>
    <t>鎌倉市腰越３－１１－４</t>
    <rPh sb="0" eb="3">
      <t>カマクラシ</t>
    </rPh>
    <phoneticPr fontId="1"/>
  </si>
  <si>
    <t>江ノ島スタイル</t>
    <phoneticPr fontId="1"/>
  </si>
  <si>
    <t>第020099号</t>
    <phoneticPr fontId="1"/>
  </si>
  <si>
    <t>第020299号</t>
    <phoneticPr fontId="1"/>
  </si>
  <si>
    <t>ＵＭＩＴＯ　ＶＩＬＬＡ　ＫＡＭＡＫＵＲＡ　ＹＵＩＧＡＨＡＭＡ</t>
    <phoneticPr fontId="1"/>
  </si>
  <si>
    <t>Ｏｙａｄｏ　×４Ｒ</t>
    <phoneticPr fontId="1"/>
  </si>
  <si>
    <t>鎌倉市腰越８５１</t>
    <rPh sb="0" eb="3">
      <t>カマクラシ</t>
    </rPh>
    <phoneticPr fontId="1"/>
  </si>
  <si>
    <t>第020300号</t>
    <phoneticPr fontId="1"/>
  </si>
  <si>
    <t>鎌倉市坂ノ下１６－１１</t>
    <phoneticPr fontId="1"/>
  </si>
  <si>
    <t>鎌倉楽庵ハナレ</t>
    <phoneticPr fontId="1"/>
  </si>
  <si>
    <t>鎌倉市坂ノ下１６－９</t>
    <phoneticPr fontId="1"/>
  </si>
  <si>
    <t>第020301号</t>
    <phoneticPr fontId="1"/>
  </si>
  <si>
    <t>鎌倉ＲＥＩ　ＨＯＭＥ</t>
    <phoneticPr fontId="1"/>
  </si>
  <si>
    <t>鎌倉市腰越３－２８－１３－４</t>
    <rPh sb="0" eb="3">
      <t>カマクラシ</t>
    </rPh>
    <phoneticPr fontId="1"/>
  </si>
  <si>
    <t>第020302号</t>
    <phoneticPr fontId="1"/>
  </si>
  <si>
    <t>鎌倉市腰越２－１５－７</t>
    <rPh sb="0" eb="3">
      <t>カマクラシ</t>
    </rPh>
    <phoneticPr fontId="1"/>
  </si>
  <si>
    <t>ｆｉｌｍ　ｋｏｓｈｉｇｏｅ</t>
    <phoneticPr fontId="1"/>
  </si>
  <si>
    <t>第020159号</t>
    <phoneticPr fontId="1"/>
  </si>
  <si>
    <t>第020303号</t>
    <phoneticPr fontId="1"/>
  </si>
  <si>
    <t>葉山町堀内５７９</t>
    <phoneticPr fontId="1"/>
  </si>
  <si>
    <t>葉山町堀内７２２－８</t>
    <phoneticPr fontId="1"/>
  </si>
  <si>
    <t>ＨＡＹＡＭＡ　ｓｔａｇｅ　ｗｅｓｔ</t>
    <phoneticPr fontId="1"/>
  </si>
  <si>
    <t>第020015号</t>
    <phoneticPr fontId="1"/>
  </si>
  <si>
    <t>第020304号</t>
    <phoneticPr fontId="1"/>
  </si>
  <si>
    <t>ＡＴＴＡ　ＨＯＴＥＬ　ＫＡＭＡＫＵＲＡ　１０８</t>
    <phoneticPr fontId="1"/>
  </si>
  <si>
    <t>第020305号</t>
    <phoneticPr fontId="1"/>
  </si>
  <si>
    <t>鎌倉市大町５－４－３４</t>
    <phoneticPr fontId="1"/>
  </si>
  <si>
    <t>鎌倉市小町２丁目２－２０ Ｌｅ　Ｃｉｅｌ　Ｙ３　小町館３Ｆ</t>
    <rPh sb="0" eb="3">
      <t>カマクラシ</t>
    </rPh>
    <phoneticPr fontId="1"/>
  </si>
  <si>
    <t>篠田邸</t>
  </si>
  <si>
    <t>Ｓｅａ　Ｂｒｅｅｚｅ　Ｋａｍａｋｕｒａ　１０２</t>
    <phoneticPr fontId="1"/>
  </si>
  <si>
    <t>鎌倉市由比ガ浜二丁目２１－１５</t>
    <rPh sb="0" eb="2">
      <t>カマクラ</t>
    </rPh>
    <rPh sb="2" eb="3">
      <t>シ</t>
    </rPh>
    <phoneticPr fontId="1"/>
  </si>
  <si>
    <t>第020306号</t>
    <phoneticPr fontId="1"/>
  </si>
  <si>
    <t>ＴＨＥ　ＫＡＭＡＫＵＲＡ　ＫＡＤＯ</t>
    <phoneticPr fontId="1"/>
  </si>
  <si>
    <t>鎌倉市小町１－４－４　３Ｆ</t>
    <phoneticPr fontId="1"/>
  </si>
  <si>
    <t>第020307号</t>
    <rPh sb="0" eb="1">
      <t>ダイ</t>
    </rPh>
    <rPh sb="7" eb="8">
      <t>ゴウ</t>
    </rPh>
    <phoneticPr fontId="1"/>
  </si>
  <si>
    <t>Ｔｈｅ　ｅｌｅｍｅｎｔ</t>
    <phoneticPr fontId="1"/>
  </si>
  <si>
    <t>第020308号</t>
    <phoneticPr fontId="1"/>
  </si>
  <si>
    <t>鎌倉市腰越２－１３－１１</t>
    <rPh sb="0" eb="3">
      <t>カマクラシ</t>
    </rPh>
    <phoneticPr fontId="1"/>
  </si>
  <si>
    <t>Ｂｙｔｈｅ　Ｐｉｅｒ　江ノ島ｖｉｅｗ</t>
    <phoneticPr fontId="1"/>
  </si>
  <si>
    <t>第020309号</t>
  </si>
  <si>
    <t>Ｓｅａ　Ｂｒｅｅｚｅ　Ｋａｍａｋｕｒａ　１０１</t>
    <phoneticPr fontId="1"/>
  </si>
  <si>
    <t>第020310号</t>
  </si>
  <si>
    <t>鎌倉市腰越三丁目１３－１０</t>
    <rPh sb="0" eb="3">
      <t>カマクラシ</t>
    </rPh>
    <phoneticPr fontId="1"/>
  </si>
  <si>
    <t>鎌倉市腰越３丁目１２番１６号</t>
    <rPh sb="0" eb="3">
      <t>カマクラシ</t>
    </rPh>
    <phoneticPr fontId="1"/>
  </si>
  <si>
    <t>ＢＲＢ　Ｋａｍａｋｕｒａ　Ｈａｓｅ</t>
    <phoneticPr fontId="1"/>
  </si>
  <si>
    <t>鎌倉市長谷二丁目７－３８</t>
    <rPh sb="0" eb="3">
      <t>カマクラシ</t>
    </rPh>
    <phoneticPr fontId="1"/>
  </si>
  <si>
    <t>第020312号</t>
    <phoneticPr fontId="1"/>
  </si>
  <si>
    <t>鎌倉由比ガ浜ＨＯＭＥ</t>
    <phoneticPr fontId="1"/>
  </si>
  <si>
    <t>鎌倉市由比ガ浜２丁目６番８－１号</t>
    <rPh sb="0" eb="3">
      <t>カマクラシ</t>
    </rPh>
    <phoneticPr fontId="1"/>
  </si>
  <si>
    <t>第020313号</t>
    <phoneticPr fontId="1"/>
  </si>
  <si>
    <t>鎌倉市由比ガ浜２丁目６番８－２号</t>
    <rPh sb="0" eb="3">
      <t>カマクラシ</t>
    </rPh>
    <phoneticPr fontId="1"/>
  </si>
  <si>
    <t>鎌倉古都ＨＯＭＥ</t>
    <phoneticPr fontId="1"/>
  </si>
  <si>
    <t>第020314号</t>
  </si>
  <si>
    <t>Ｏｃｅａｎ　Ｆａｍｉｌｙ　ビジターセンター</t>
    <phoneticPr fontId="1"/>
  </si>
  <si>
    <t>葉山町下山口１７４１番地</t>
    <rPh sb="0" eb="3">
      <t>ハヤママチ</t>
    </rPh>
    <phoneticPr fontId="1"/>
  </si>
  <si>
    <t>第020315号</t>
    <phoneticPr fontId="1"/>
  </si>
  <si>
    <t>簡易宿泊　ｋｏｓｈｉｇｏｅ　ＫＩＮＡＲＩ</t>
    <phoneticPr fontId="1"/>
  </si>
  <si>
    <t>鎌倉市腰越２－１２－１９</t>
    <rPh sb="0" eb="3">
      <t>カマクラシ</t>
    </rPh>
    <phoneticPr fontId="1"/>
  </si>
  <si>
    <t>第020316号</t>
    <phoneticPr fontId="1"/>
  </si>
  <si>
    <t>第020311号</t>
    <phoneticPr fontId="1"/>
  </si>
  <si>
    <t>ＵＭＩＴＯ　ＫＡＭＡＫＵＲＡ　ＫＯＳＨＩＧＯＥ</t>
    <phoneticPr fontId="1"/>
  </si>
  <si>
    <t>ＳＨＯＮＡＮ　ＫＩＮＯ　ＳＴＡＹ</t>
    <phoneticPr fontId="1"/>
  </si>
  <si>
    <t>星ノ井庵　（Ｈｏｓｈｉｎｏｉ　Ａｎｎ）</t>
    <phoneticPr fontId="1"/>
  </si>
  <si>
    <t>鎌倉市坂ノ下２１－９</t>
    <rPh sb="0" eb="3">
      <t>カマクラシ</t>
    </rPh>
    <phoneticPr fontId="1"/>
  </si>
  <si>
    <t>第020317号</t>
    <phoneticPr fontId="1"/>
  </si>
  <si>
    <t>鎌倉市材木座５丁目１０－４４</t>
    <rPh sb="0" eb="3">
      <t>カマクラシ</t>
    </rPh>
    <phoneticPr fontId="1"/>
  </si>
  <si>
    <t>ＵＭＩＴＯ　ＶＩＬＬＡ　ＫＡＭＡＫＵＲＡ　ＺＡＩＭＯＫＵＺＡ</t>
    <phoneticPr fontId="1"/>
  </si>
  <si>
    <t>第020318号</t>
    <phoneticPr fontId="1"/>
  </si>
  <si>
    <t>鎌倉市腰越３丁目７－３</t>
    <rPh sb="0" eb="3">
      <t>カマクラシ</t>
    </rPh>
    <phoneticPr fontId="1"/>
  </si>
  <si>
    <t>Ｔｈｅ　Ｕｍｉｂｅ　Ｈｉｄｅａｗａｙ</t>
    <phoneticPr fontId="1"/>
  </si>
  <si>
    <t>第020319号</t>
    <phoneticPr fontId="1"/>
  </si>
  <si>
    <t>逗子市小坪５－７－２８</t>
    <rPh sb="0" eb="3">
      <t>ズシシ</t>
    </rPh>
    <phoneticPr fontId="1"/>
  </si>
  <si>
    <t>ことり庵</t>
    <phoneticPr fontId="1"/>
  </si>
  <si>
    <t>第020320号</t>
    <phoneticPr fontId="1"/>
  </si>
  <si>
    <t>逗子市新宿２－２－３０</t>
    <rPh sb="0" eb="3">
      <t>ズシシ</t>
    </rPh>
    <phoneticPr fontId="1"/>
  </si>
  <si>
    <t>逗子海岸テラス３階</t>
    <phoneticPr fontId="1"/>
  </si>
  <si>
    <t>第020321号</t>
    <phoneticPr fontId="1"/>
  </si>
  <si>
    <t>鎌倉市由比ガ浜４丁目８－２７－１０</t>
    <rPh sb="0" eb="3">
      <t>カマクラシ</t>
    </rPh>
    <phoneticPr fontId="1"/>
  </si>
  <si>
    <t>ふるふわ</t>
    <phoneticPr fontId="1"/>
  </si>
  <si>
    <t>第020322号</t>
    <phoneticPr fontId="1"/>
  </si>
  <si>
    <t>鎌倉長谷ハウス</t>
    <phoneticPr fontId="1"/>
  </si>
  <si>
    <t>鎌倉市坂ノ下３１－１２</t>
    <rPh sb="0" eb="3">
      <t>カマクラシ</t>
    </rPh>
    <phoneticPr fontId="1"/>
  </si>
  <si>
    <t>第020323号</t>
    <phoneticPr fontId="1"/>
  </si>
  <si>
    <t>第020324号</t>
    <phoneticPr fontId="1"/>
  </si>
  <si>
    <t>Ｗｈｉｔｅ　Ｓａｎｄ　Ｂｅａｃｈ　１０２</t>
    <phoneticPr fontId="1"/>
  </si>
  <si>
    <t>鎌倉市腰越三丁目６番５号　Ｗｈｉｔｅ　Ｓａｎｄ　Ｂｅａｃｈ１０２</t>
    <rPh sb="0" eb="3">
      <t>カマクラシ</t>
    </rPh>
    <phoneticPr fontId="1"/>
  </si>
  <si>
    <t>第020326号</t>
    <phoneticPr fontId="1"/>
  </si>
  <si>
    <t>ＪＩＣＣＡ　ＨＡＹＡＭＡ</t>
    <phoneticPr fontId="1"/>
  </si>
  <si>
    <t>葉山町木古庭１４７８－１</t>
    <rPh sb="0" eb="3">
      <t>ハヤママチ</t>
    </rPh>
    <phoneticPr fontId="1"/>
  </si>
  <si>
    <t>第020325号</t>
    <phoneticPr fontId="1"/>
  </si>
  <si>
    <t>鎌倉市由比ガ浜３－１２－２９</t>
    <phoneticPr fontId="1"/>
  </si>
  <si>
    <t>鎌倉の日記</t>
    <phoneticPr fontId="1"/>
  </si>
  <si>
    <t>第020327号</t>
    <phoneticPr fontId="1"/>
  </si>
  <si>
    <t>Ｚａｉｍｏｋｕｚａ　ＳＯＬＡ</t>
    <phoneticPr fontId="1"/>
  </si>
  <si>
    <t>鎌倉市材木座６－４－２４</t>
    <rPh sb="0" eb="3">
      <t>カマクラシ</t>
    </rPh>
    <phoneticPr fontId="1"/>
  </si>
  <si>
    <t>第020328号</t>
    <phoneticPr fontId="1"/>
  </si>
  <si>
    <t>鎌倉市腰越３丁目３２－１７－４</t>
    <rPh sb="0" eb="3">
      <t>カマクラシ</t>
    </rPh>
    <phoneticPr fontId="1"/>
  </si>
  <si>
    <t>Ｓｌｏｗ　Ｔｉｍｅ　Ｉｎｎ</t>
    <phoneticPr fontId="1"/>
  </si>
  <si>
    <t>第020329号</t>
    <phoneticPr fontId="1"/>
  </si>
  <si>
    <t>鎌倉市坂ノ下６－１０－１</t>
    <rPh sb="0" eb="3">
      <t>カマクラシ</t>
    </rPh>
    <phoneticPr fontId="1"/>
  </si>
  <si>
    <t>坂のなな夜　月棟</t>
    <phoneticPr fontId="1"/>
  </si>
  <si>
    <t>鎌倉市坂ノ下６－１０－２</t>
    <rPh sb="0" eb="3">
      <t>カマクラシ</t>
    </rPh>
    <phoneticPr fontId="1"/>
  </si>
  <si>
    <t>坂のなな夜　星棟</t>
    <phoneticPr fontId="1"/>
  </si>
  <si>
    <t>第020330号</t>
    <phoneticPr fontId="1"/>
  </si>
  <si>
    <t>第020331号</t>
  </si>
  <si>
    <t>鎌倉市長谷２丁目１８－４</t>
    <rPh sb="0" eb="3">
      <t>カマクラシ</t>
    </rPh>
    <phoneticPr fontId="1"/>
  </si>
  <si>
    <t>Ｂｅａｃｈ＆Ｓｔａｙ鎌倉長谷</t>
    <phoneticPr fontId="1"/>
  </si>
  <si>
    <t>第020332号</t>
    <phoneticPr fontId="1"/>
  </si>
  <si>
    <t>鎌倉市山ノ内５２０－２</t>
    <rPh sb="0" eb="3">
      <t>カマクラシ</t>
    </rPh>
    <phoneticPr fontId="1"/>
  </si>
  <si>
    <t>和宿５２０　緑青</t>
    <phoneticPr fontId="1"/>
  </si>
  <si>
    <t>第020333号</t>
    <phoneticPr fontId="1"/>
  </si>
  <si>
    <t>鎌倉市雪ノ下３－９－２４　黒川ビル３０１</t>
    <rPh sb="0" eb="3">
      <t>カマクラシ</t>
    </rPh>
    <phoneticPr fontId="1"/>
  </si>
  <si>
    <t>田　Ｋａｍａｋｕｒａ</t>
    <phoneticPr fontId="1"/>
  </si>
  <si>
    <t>第020334号</t>
    <phoneticPr fontId="1"/>
  </si>
  <si>
    <t>鎌倉市坂ノ下２－１２</t>
    <rPh sb="0" eb="3">
      <t>カマクラシ</t>
    </rPh>
    <phoneticPr fontId="1"/>
  </si>
  <si>
    <t>トラストメゾン鎌倉長谷</t>
    <phoneticPr fontId="1"/>
  </si>
  <si>
    <t>第020335号</t>
    <phoneticPr fontId="1"/>
  </si>
  <si>
    <t>鎌倉市七里ガ浜東２丁目２番２号</t>
    <rPh sb="0" eb="3">
      <t>カマクラシ</t>
    </rPh>
    <phoneticPr fontId="1"/>
  </si>
  <si>
    <t>第020336号</t>
    <phoneticPr fontId="1"/>
  </si>
  <si>
    <t>鎌倉市腰越２－１１－１１－２</t>
    <rPh sb="0" eb="3">
      <t>カマクラシ</t>
    </rPh>
    <phoneticPr fontId="1"/>
  </si>
  <si>
    <t>Ｃａｅｒｕｌｅｕｍ　Ｋｏｓｈｉｇｏｅ</t>
    <phoneticPr fontId="1"/>
  </si>
  <si>
    <t>第020337号</t>
    <phoneticPr fontId="1"/>
  </si>
  <si>
    <t>鎌倉市腰越３－３２－１７－５</t>
    <rPh sb="0" eb="3">
      <t>カマクラシ</t>
    </rPh>
    <phoneticPr fontId="1"/>
  </si>
  <si>
    <t>Ｇａｌｌｅｒｙ　ＳＯＨＯ</t>
    <phoneticPr fontId="1"/>
  </si>
  <si>
    <t>第020338号</t>
    <phoneticPr fontId="1"/>
  </si>
  <si>
    <t>ＡＬＴＥＲＮＥＳＴ　ＫＡＭＡＫＵＲＡ</t>
    <phoneticPr fontId="1"/>
  </si>
  <si>
    <t>第020339号</t>
    <phoneticPr fontId="1"/>
  </si>
  <si>
    <t>鎌倉市材木座５－７－１４</t>
    <rPh sb="0" eb="3">
      <t>カマクラシ</t>
    </rPh>
    <phoneticPr fontId="1"/>
  </si>
  <si>
    <t>ＳＨＥＬＬ　ＴＨＥ　ＴＨＩＲＤ</t>
    <phoneticPr fontId="1"/>
  </si>
  <si>
    <t>第020340号</t>
    <phoneticPr fontId="1"/>
  </si>
  <si>
    <t>鎌倉市由比ガ浜２丁目３番１０－２号</t>
    <rPh sb="0" eb="3">
      <t>カマクラシ</t>
    </rPh>
    <phoneticPr fontId="1"/>
  </si>
  <si>
    <t>鎌倉楠ＨＯＭＥ</t>
    <phoneticPr fontId="1"/>
  </si>
  <si>
    <t>鎌倉市材木座六丁目５番２－４号</t>
    <rPh sb="0" eb="3">
      <t>カマクラシ</t>
    </rPh>
    <phoneticPr fontId="1"/>
  </si>
  <si>
    <t>ａｍａｎａ　ｄａｙｚ　ＫＡＭＡＫＵＲＡ</t>
    <phoneticPr fontId="1"/>
  </si>
  <si>
    <t>第020342号</t>
    <phoneticPr fontId="1"/>
  </si>
  <si>
    <t>第020341号</t>
    <phoneticPr fontId="1"/>
  </si>
  <si>
    <t>Ｄａｌｉś　Ｎｅｓｔ　Ｋａｍａｋｕｒａ</t>
    <phoneticPr fontId="1"/>
  </si>
  <si>
    <t>侍ゲストハウス彩り鎌倉</t>
    <rPh sb="0" eb="1">
      <t>サムライ</t>
    </rPh>
    <phoneticPr fontId="1"/>
  </si>
  <si>
    <t>鎌倉市雪ノ下３－９－２４　ヘリテイジ雪ノ下３０３</t>
    <rPh sb="0" eb="3">
      <t>カマクラシ</t>
    </rPh>
    <phoneticPr fontId="1"/>
  </si>
  <si>
    <t>鎌倉市由比ガ浜３－１１－４２　ライオンズマンション鎌倉由比ガ浜　２Ｆ</t>
    <phoneticPr fontId="1"/>
  </si>
  <si>
    <t>ＨＯＴＥＬ１３４鎌倉</t>
    <phoneticPr fontId="1"/>
  </si>
  <si>
    <t>アロハ鎌倉</t>
    <phoneticPr fontId="1"/>
  </si>
  <si>
    <t>鎌倉市由比ガ浜２－２－１６</t>
    <rPh sb="0" eb="3">
      <t>カマクラシ</t>
    </rPh>
    <phoneticPr fontId="1"/>
  </si>
  <si>
    <t>第020343号</t>
    <phoneticPr fontId="1"/>
  </si>
  <si>
    <t>ＦＯＬＳ材木座　Ｒｏｏｍ２</t>
    <phoneticPr fontId="1"/>
  </si>
  <si>
    <t>鎌倉ロフト</t>
    <phoneticPr fontId="1"/>
  </si>
  <si>
    <t>鎌倉市材木座１丁目１３－２２</t>
    <rPh sb="0" eb="3">
      <t>カマクラシ</t>
    </rPh>
    <phoneticPr fontId="1"/>
  </si>
  <si>
    <t>第020345号</t>
    <phoneticPr fontId="1"/>
  </si>
  <si>
    <t>コスタビーチ江の島</t>
    <phoneticPr fontId="1"/>
  </si>
  <si>
    <t>鎌倉市腰越３丁目１４－２０　コスタドムス江の島１０１、２０１</t>
    <rPh sb="0" eb="3">
      <t>カマクラシ</t>
    </rPh>
    <phoneticPr fontId="1"/>
  </si>
  <si>
    <t>第020346号</t>
    <phoneticPr fontId="1"/>
  </si>
  <si>
    <t>灯　ＫＡＭＡＫＵＲＡ</t>
    <phoneticPr fontId="1"/>
  </si>
  <si>
    <t>鎌倉市雪ノ下３－９－２４　ヘリテイジ雪ノ下２０１</t>
    <rPh sb="0" eb="3">
      <t>カマクラシ</t>
    </rPh>
    <phoneticPr fontId="1"/>
  </si>
  <si>
    <t>第020347号</t>
    <phoneticPr fontId="1"/>
  </si>
  <si>
    <t>鎌倉　a　ｄａｙ</t>
    <phoneticPr fontId="1"/>
  </si>
  <si>
    <t>鎌倉市大町４－１－４０</t>
    <rPh sb="0" eb="3">
      <t>カマクラシ</t>
    </rPh>
    <phoneticPr fontId="1"/>
  </si>
  <si>
    <t>第020348号</t>
    <phoneticPr fontId="1"/>
  </si>
  <si>
    <t>Ｂｅｄ　ａｎｄ　Ｃａｆｅ　ＢＵＳＳＯ</t>
    <phoneticPr fontId="1"/>
  </si>
  <si>
    <t>鎌倉市材木座１－５－１</t>
    <rPh sb="0" eb="3">
      <t>カマクラシ</t>
    </rPh>
    <phoneticPr fontId="1"/>
  </si>
  <si>
    <t>第020349号</t>
    <phoneticPr fontId="1"/>
  </si>
  <si>
    <t>ボルゴ</t>
    <phoneticPr fontId="1"/>
  </si>
  <si>
    <t>鎌倉市腰越３－８－２０　２F、３F</t>
    <rPh sb="0" eb="3">
      <t>カマクラシ</t>
    </rPh>
    <phoneticPr fontId="1"/>
  </si>
  <si>
    <t>第020350号</t>
    <phoneticPr fontId="1"/>
  </si>
  <si>
    <t>Ｔｓｕｂａｍｅ</t>
    <phoneticPr fontId="1"/>
  </si>
  <si>
    <t>逗子市桜山８－１６－９</t>
    <rPh sb="0" eb="3">
      <t>ズシシ</t>
    </rPh>
    <phoneticPr fontId="1"/>
  </si>
  <si>
    <t>第020351号</t>
    <phoneticPr fontId="1"/>
  </si>
  <si>
    <t>ＨＯＵＳＥ　材木座</t>
    <phoneticPr fontId="1"/>
  </si>
  <si>
    <t>鎌倉市材木座４－４－３２</t>
    <rPh sb="0" eb="3">
      <t>カマクラシ</t>
    </rPh>
    <phoneticPr fontId="1"/>
  </si>
  <si>
    <t>第020352号</t>
    <phoneticPr fontId="1"/>
  </si>
  <si>
    <t>第020344号</t>
    <phoneticPr fontId="1"/>
  </si>
  <si>
    <t>旅館業法許可施設一覧(令和７年９月30日現在)　　鎌倉保健福祉事務所所管域（鎌倉市、逗子市、葉山町）</t>
    <rPh sb="0" eb="4">
      <t>リョカンギョウホウ</t>
    </rPh>
    <rPh sb="4" eb="6">
      <t>キョカ</t>
    </rPh>
    <rPh sb="6" eb="8">
      <t>シセツ</t>
    </rPh>
    <rPh sb="8" eb="10">
      <t>イチラン</t>
    </rPh>
    <rPh sb="20" eb="22">
      <t>ゲンザイ</t>
    </rPh>
    <phoneticPr fontId="1"/>
  </si>
  <si>
    <t>鎌倉市材木座５－８－１９　２Ｆ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 "/>
  </numFmts>
  <fonts count="10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2"/>
      <name val="ＭＳ 明朝"/>
      <family val="2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/>
    <xf numFmtId="0" fontId="2" fillId="0" borderId="0"/>
  </cellStyleXfs>
  <cellXfs count="17">
    <xf numFmtId="0" fontId="0" fillId="0" borderId="0" xfId="0">
      <alignment vertical="center"/>
    </xf>
    <xf numFmtId="0" fontId="5" fillId="0" borderId="1" xfId="0" applyFont="1" applyFill="1" applyBorder="1" applyAlignment="1">
      <alignment vertical="center" shrinkToFit="1"/>
    </xf>
    <xf numFmtId="0" fontId="5" fillId="2" borderId="1" xfId="0" applyFont="1" applyFill="1" applyBorder="1" applyAlignment="1">
      <alignment horizontal="center" vertical="center" shrinkToFit="1"/>
    </xf>
    <xf numFmtId="0" fontId="4" fillId="0" borderId="1" xfId="2" applyFont="1" applyFill="1" applyBorder="1" applyAlignment="1">
      <alignment vertical="center"/>
    </xf>
    <xf numFmtId="0" fontId="3" fillId="0" borderId="1" xfId="0" applyFont="1" applyFill="1" applyBorder="1" applyAlignment="1">
      <alignment vertical="center" shrinkToFit="1"/>
    </xf>
    <xf numFmtId="0" fontId="3" fillId="0" borderId="1" xfId="0" applyFont="1" applyFill="1" applyBorder="1" applyAlignment="1">
      <alignment horizontal="left" vertical="center" shrinkToFit="1"/>
    </xf>
    <xf numFmtId="0" fontId="9" fillId="0" borderId="1" xfId="2" applyFont="1" applyFill="1" applyBorder="1" applyAlignment="1">
      <alignment vertical="center"/>
    </xf>
    <xf numFmtId="0" fontId="3" fillId="0" borderId="1" xfId="0" applyFont="1" applyFill="1" applyBorder="1" applyAlignment="1">
      <alignment vertical="center" wrapText="1" shrinkToFit="1"/>
    </xf>
    <xf numFmtId="0" fontId="3" fillId="0" borderId="0" xfId="0" applyFont="1" applyBorder="1" applyAlignment="1">
      <alignment vertical="center" shrinkToFit="1"/>
    </xf>
    <xf numFmtId="0" fontId="3" fillId="0" borderId="1" xfId="0" applyFont="1" applyFill="1" applyBorder="1" applyAlignment="1">
      <alignment horizontal="center" vertical="center" shrinkToFit="1"/>
    </xf>
    <xf numFmtId="0" fontId="5" fillId="0" borderId="0" xfId="0" applyFont="1" applyBorder="1" applyAlignment="1">
      <alignment vertical="center" shrinkToFit="1"/>
    </xf>
    <xf numFmtId="0" fontId="8" fillId="0" borderId="0" xfId="0" applyFont="1" applyBorder="1" applyAlignment="1">
      <alignment vertical="center" shrinkToFit="1"/>
    </xf>
    <xf numFmtId="0" fontId="6" fillId="0" borderId="0" xfId="0" applyFont="1" applyBorder="1" applyAlignment="1">
      <alignment vertical="center" shrinkToFit="1"/>
    </xf>
    <xf numFmtId="0" fontId="5" fillId="0" borderId="1" xfId="0" applyFont="1" applyFill="1" applyBorder="1" applyAlignment="1">
      <alignment vertical="center" wrapText="1" shrinkToFit="1"/>
    </xf>
    <xf numFmtId="0" fontId="0" fillId="0" borderId="0" xfId="0" applyBorder="1" applyAlignment="1">
      <alignment vertical="center" shrinkToFit="1"/>
    </xf>
    <xf numFmtId="176" fontId="9" fillId="0" borderId="1" xfId="2" applyNumberFormat="1" applyFont="1" applyFill="1" applyBorder="1" applyAlignment="1">
      <alignment vertical="center"/>
    </xf>
    <xf numFmtId="0" fontId="7" fillId="0" borderId="0" xfId="0" applyFont="1" applyBorder="1" applyAlignment="1">
      <alignment horizontal="center" vertical="center" shrinkToFit="1"/>
    </xf>
  </cellXfs>
  <cellStyles count="3">
    <cellStyle name="標準" xfId="0" builtinId="0"/>
    <cellStyle name="標準 2" xfId="1" xr:uid="{00000000-0005-0000-0000-000001000000}"/>
    <cellStyle name="標準_Sheet1" xfId="2" xr:uid="{00000000-0005-0000-0000-000002000000}"/>
  </cellStyles>
  <dxfs count="0"/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3">
    <pageSetUpPr fitToPage="1"/>
  </sheetPr>
  <dimension ref="A1:G316"/>
  <sheetViews>
    <sheetView tabSelected="1" view="pageBreakPreview" zoomScale="60" zoomScaleNormal="100" workbookViewId="0">
      <pane ySplit="2" topLeftCell="A3" activePane="bottomLeft" state="frozen"/>
      <selection sqref="A1:D139"/>
      <selection pane="bottomLeft" activeCell="D110" sqref="D110"/>
    </sheetView>
  </sheetViews>
  <sheetFormatPr defaultColWidth="9" defaultRowHeight="23.1" customHeight="1" x14ac:dyDescent="0.2"/>
  <cols>
    <col min="1" max="1" width="4.19921875" style="8" customWidth="1"/>
    <col min="2" max="2" width="17.09765625" style="11" customWidth="1"/>
    <col min="3" max="3" width="55" style="11" customWidth="1"/>
    <col min="4" max="4" width="62.59765625" style="11" customWidth="1"/>
    <col min="5" max="5" width="14.19921875" style="11" customWidth="1"/>
    <col min="6" max="16384" width="9" style="14"/>
  </cols>
  <sheetData>
    <row r="1" spans="1:5" ht="23.1" customHeight="1" x14ac:dyDescent="0.2">
      <c r="A1" s="16" t="s">
        <v>889</v>
      </c>
      <c r="B1" s="16"/>
      <c r="C1" s="16"/>
      <c r="D1" s="16"/>
      <c r="E1" s="16"/>
    </row>
    <row r="2" spans="1:5" ht="23.1" customHeight="1" x14ac:dyDescent="0.2">
      <c r="A2" s="2" t="s">
        <v>364</v>
      </c>
      <c r="B2" s="2" t="s">
        <v>147</v>
      </c>
      <c r="C2" s="2" t="s">
        <v>0</v>
      </c>
      <c r="D2" s="2" t="s">
        <v>1</v>
      </c>
      <c r="E2" s="2" t="s">
        <v>2</v>
      </c>
    </row>
    <row r="3" spans="1:5" ht="24.6" customHeight="1" x14ac:dyDescent="0.2">
      <c r="A3" s="9">
        <v>1</v>
      </c>
      <c r="B3" s="5" t="s">
        <v>622</v>
      </c>
      <c r="C3" s="5" t="s">
        <v>620</v>
      </c>
      <c r="D3" s="5" t="s">
        <v>619</v>
      </c>
      <c r="E3" s="5" t="s">
        <v>3</v>
      </c>
    </row>
    <row r="4" spans="1:5" ht="24.6" customHeight="1" x14ac:dyDescent="0.2">
      <c r="A4" s="9">
        <v>2</v>
      </c>
      <c r="B4" s="6" t="s">
        <v>621</v>
      </c>
      <c r="C4" s="4" t="s">
        <v>323</v>
      </c>
      <c r="D4" s="4" t="s">
        <v>6</v>
      </c>
      <c r="E4" s="4" t="s">
        <v>148</v>
      </c>
    </row>
    <row r="5" spans="1:5" ht="24.6" customHeight="1" x14ac:dyDescent="0.2">
      <c r="A5" s="9">
        <v>3</v>
      </c>
      <c r="B5" s="4" t="s">
        <v>339</v>
      </c>
      <c r="C5" s="4" t="s">
        <v>343</v>
      </c>
      <c r="D5" s="4" t="s">
        <v>344</v>
      </c>
      <c r="E5" s="4" t="s">
        <v>148</v>
      </c>
    </row>
    <row r="6" spans="1:5" ht="24.6" customHeight="1" x14ac:dyDescent="0.2">
      <c r="A6" s="9">
        <v>4</v>
      </c>
      <c r="B6" s="6" t="s">
        <v>152</v>
      </c>
      <c r="C6" s="4" t="s">
        <v>332</v>
      </c>
      <c r="D6" s="4" t="s">
        <v>7</v>
      </c>
      <c r="E6" s="4" t="s">
        <v>148</v>
      </c>
    </row>
    <row r="7" spans="1:5" ht="24.6" customHeight="1" x14ac:dyDescent="0.2">
      <c r="A7" s="9">
        <v>5</v>
      </c>
      <c r="B7" s="6" t="s">
        <v>151</v>
      </c>
      <c r="C7" s="4" t="s">
        <v>253</v>
      </c>
      <c r="D7" s="4" t="s">
        <v>5</v>
      </c>
      <c r="E7" s="4" t="s">
        <v>3</v>
      </c>
    </row>
    <row r="8" spans="1:5" ht="24.6" customHeight="1" x14ac:dyDescent="0.2">
      <c r="A8" s="9">
        <v>6</v>
      </c>
      <c r="B8" s="6" t="s">
        <v>254</v>
      </c>
      <c r="C8" s="4" t="s">
        <v>236</v>
      </c>
      <c r="D8" s="4" t="s">
        <v>237</v>
      </c>
      <c r="E8" s="4" t="s">
        <v>3</v>
      </c>
    </row>
    <row r="9" spans="1:5" ht="24.6" customHeight="1" x14ac:dyDescent="0.2">
      <c r="A9" s="9">
        <v>7</v>
      </c>
      <c r="B9" s="4" t="s">
        <v>342</v>
      </c>
      <c r="C9" s="4" t="s">
        <v>436</v>
      </c>
      <c r="D9" s="4" t="s">
        <v>345</v>
      </c>
      <c r="E9" s="4" t="s">
        <v>148</v>
      </c>
    </row>
    <row r="10" spans="1:5" ht="24.6" customHeight="1" x14ac:dyDescent="0.2">
      <c r="A10" s="9">
        <v>8</v>
      </c>
      <c r="B10" s="6" t="s">
        <v>153</v>
      </c>
      <c r="C10" s="4" t="s">
        <v>8</v>
      </c>
      <c r="D10" s="4" t="s">
        <v>9</v>
      </c>
      <c r="E10" s="4" t="s">
        <v>148</v>
      </c>
    </row>
    <row r="11" spans="1:5" ht="24.6" customHeight="1" x14ac:dyDescent="0.2">
      <c r="A11" s="9">
        <v>9</v>
      </c>
      <c r="B11" s="6" t="s">
        <v>329</v>
      </c>
      <c r="C11" s="4" t="s">
        <v>330</v>
      </c>
      <c r="D11" s="4" t="s">
        <v>331</v>
      </c>
      <c r="E11" s="4" t="s">
        <v>3</v>
      </c>
    </row>
    <row r="12" spans="1:5" ht="24.6" customHeight="1" x14ac:dyDescent="0.2">
      <c r="A12" s="9">
        <v>10</v>
      </c>
      <c r="B12" s="6" t="s">
        <v>699</v>
      </c>
      <c r="C12" s="4" t="s">
        <v>697</v>
      </c>
      <c r="D12" s="4" t="s">
        <v>698</v>
      </c>
      <c r="E12" s="4" t="s">
        <v>3</v>
      </c>
    </row>
    <row r="13" spans="1:5" ht="24.6" customHeight="1" x14ac:dyDescent="0.2">
      <c r="A13" s="9">
        <v>11</v>
      </c>
      <c r="B13" s="6" t="s">
        <v>650</v>
      </c>
      <c r="C13" s="4" t="s">
        <v>649</v>
      </c>
      <c r="D13" s="4" t="s">
        <v>459</v>
      </c>
      <c r="E13" s="4" t="s">
        <v>3</v>
      </c>
    </row>
    <row r="14" spans="1:5" ht="24.6" customHeight="1" x14ac:dyDescent="0.2">
      <c r="A14" s="9">
        <v>12</v>
      </c>
      <c r="B14" s="3" t="s">
        <v>875</v>
      </c>
      <c r="C14" s="1" t="s">
        <v>873</v>
      </c>
      <c r="D14" s="1" t="s">
        <v>874</v>
      </c>
      <c r="E14" s="1" t="s">
        <v>3</v>
      </c>
    </row>
    <row r="15" spans="1:5" ht="24.6" customHeight="1" x14ac:dyDescent="0.2">
      <c r="A15" s="9">
        <v>13</v>
      </c>
      <c r="B15" s="3" t="s">
        <v>662</v>
      </c>
      <c r="C15" s="1" t="s">
        <v>660</v>
      </c>
      <c r="D15" s="1" t="s">
        <v>661</v>
      </c>
      <c r="E15" s="1" t="s">
        <v>3</v>
      </c>
    </row>
    <row r="16" spans="1:5" ht="24.6" customHeight="1" x14ac:dyDescent="0.2">
      <c r="A16" s="9">
        <v>14</v>
      </c>
      <c r="B16" s="6" t="s">
        <v>744</v>
      </c>
      <c r="C16" s="4" t="s">
        <v>743</v>
      </c>
      <c r="D16" s="4" t="s">
        <v>745</v>
      </c>
      <c r="E16" s="4" t="s">
        <v>3</v>
      </c>
    </row>
    <row r="17" spans="1:5" ht="24.6" customHeight="1" x14ac:dyDescent="0.2">
      <c r="A17" s="9">
        <v>15</v>
      </c>
      <c r="B17" s="6" t="s">
        <v>314</v>
      </c>
      <c r="C17" s="4" t="s">
        <v>315</v>
      </c>
      <c r="D17" s="4" t="s">
        <v>316</v>
      </c>
      <c r="E17" s="4" t="s">
        <v>3</v>
      </c>
    </row>
    <row r="18" spans="1:5" ht="24.6" customHeight="1" x14ac:dyDescent="0.2">
      <c r="A18" s="9">
        <v>16</v>
      </c>
      <c r="B18" s="6" t="s">
        <v>351</v>
      </c>
      <c r="C18" s="6" t="s">
        <v>353</v>
      </c>
      <c r="D18" s="6" t="s">
        <v>356</v>
      </c>
      <c r="E18" s="6" t="s">
        <v>3</v>
      </c>
    </row>
    <row r="19" spans="1:5" ht="24.6" customHeight="1" x14ac:dyDescent="0.2">
      <c r="A19" s="9">
        <v>17</v>
      </c>
      <c r="B19" s="6" t="s">
        <v>255</v>
      </c>
      <c r="C19" s="4" t="s">
        <v>238</v>
      </c>
      <c r="D19" s="4" t="s">
        <v>239</v>
      </c>
      <c r="E19" s="4" t="s">
        <v>3</v>
      </c>
    </row>
    <row r="20" spans="1:5" ht="24.6" customHeight="1" x14ac:dyDescent="0.2">
      <c r="A20" s="9">
        <v>18</v>
      </c>
      <c r="B20" s="6" t="s">
        <v>429</v>
      </c>
      <c r="C20" s="4" t="s">
        <v>427</v>
      </c>
      <c r="D20" s="4" t="s">
        <v>428</v>
      </c>
      <c r="E20" s="4" t="s">
        <v>3</v>
      </c>
    </row>
    <row r="21" spans="1:5" ht="24.6" customHeight="1" x14ac:dyDescent="0.2">
      <c r="A21" s="9">
        <v>19</v>
      </c>
      <c r="B21" s="6" t="s">
        <v>478</v>
      </c>
      <c r="C21" s="4" t="s">
        <v>476</v>
      </c>
      <c r="D21" s="4" t="s">
        <v>477</v>
      </c>
      <c r="E21" s="4" t="s">
        <v>3</v>
      </c>
    </row>
    <row r="22" spans="1:5" ht="24.6" customHeight="1" x14ac:dyDescent="0.2">
      <c r="A22" s="9">
        <v>20</v>
      </c>
      <c r="B22" s="6" t="s">
        <v>597</v>
      </c>
      <c r="C22" s="4" t="s">
        <v>595</v>
      </c>
      <c r="D22" s="4" t="s">
        <v>596</v>
      </c>
      <c r="E22" s="4" t="s">
        <v>3</v>
      </c>
    </row>
    <row r="23" spans="1:5" ht="24.6" customHeight="1" x14ac:dyDescent="0.2">
      <c r="A23" s="9">
        <v>21</v>
      </c>
      <c r="B23" s="6" t="s">
        <v>448</v>
      </c>
      <c r="C23" s="4" t="s">
        <v>446</v>
      </c>
      <c r="D23" s="4" t="s">
        <v>447</v>
      </c>
      <c r="E23" s="4" t="s">
        <v>148</v>
      </c>
    </row>
    <row r="24" spans="1:5" ht="24.6" customHeight="1" x14ac:dyDescent="0.2">
      <c r="A24" s="9">
        <v>22</v>
      </c>
      <c r="B24" s="6" t="s">
        <v>156</v>
      </c>
      <c r="C24" s="4" t="s">
        <v>289</v>
      </c>
      <c r="D24" s="4" t="s">
        <v>132</v>
      </c>
      <c r="E24" s="4" t="s">
        <v>3</v>
      </c>
    </row>
    <row r="25" spans="1:5" ht="24.6" customHeight="1" x14ac:dyDescent="0.2">
      <c r="A25" s="9">
        <v>23</v>
      </c>
      <c r="B25" s="6" t="s">
        <v>333</v>
      </c>
      <c r="C25" s="4" t="s">
        <v>13</v>
      </c>
      <c r="D25" s="4" t="s">
        <v>14</v>
      </c>
      <c r="E25" s="4" t="s">
        <v>3</v>
      </c>
    </row>
    <row r="26" spans="1:5" ht="24.6" customHeight="1" x14ac:dyDescent="0.2">
      <c r="A26" s="9">
        <v>24</v>
      </c>
      <c r="B26" s="6" t="s">
        <v>508</v>
      </c>
      <c r="C26" s="4" t="s">
        <v>506</v>
      </c>
      <c r="D26" s="4" t="s">
        <v>507</v>
      </c>
      <c r="E26" s="4" t="s">
        <v>148</v>
      </c>
    </row>
    <row r="27" spans="1:5" ht="24.6" customHeight="1" x14ac:dyDescent="0.2">
      <c r="A27" s="9">
        <v>25</v>
      </c>
      <c r="B27" s="6" t="s">
        <v>154</v>
      </c>
      <c r="C27" s="4" t="s">
        <v>10</v>
      </c>
      <c r="D27" s="4" t="s">
        <v>11</v>
      </c>
      <c r="E27" s="4" t="s">
        <v>3</v>
      </c>
    </row>
    <row r="28" spans="1:5" ht="24.6" customHeight="1" x14ac:dyDescent="0.2">
      <c r="A28" s="9">
        <v>26</v>
      </c>
      <c r="B28" s="6" t="s">
        <v>548</v>
      </c>
      <c r="C28" s="4" t="s">
        <v>547</v>
      </c>
      <c r="D28" s="4" t="s">
        <v>546</v>
      </c>
      <c r="E28" s="4" t="s">
        <v>3</v>
      </c>
    </row>
    <row r="29" spans="1:5" ht="24.6" customHeight="1" x14ac:dyDescent="0.2">
      <c r="A29" s="9">
        <v>27</v>
      </c>
      <c r="B29" s="6" t="s">
        <v>155</v>
      </c>
      <c r="C29" s="4" t="s">
        <v>4</v>
      </c>
      <c r="D29" s="4" t="s">
        <v>12</v>
      </c>
      <c r="E29" s="4" t="s">
        <v>148</v>
      </c>
    </row>
    <row r="30" spans="1:5" ht="24.6" customHeight="1" x14ac:dyDescent="0.2">
      <c r="A30" s="9">
        <v>28</v>
      </c>
      <c r="B30" s="6" t="s">
        <v>496</v>
      </c>
      <c r="C30" s="4" t="s">
        <v>494</v>
      </c>
      <c r="D30" s="4" t="s">
        <v>495</v>
      </c>
      <c r="E30" s="4" t="s">
        <v>148</v>
      </c>
    </row>
    <row r="31" spans="1:5" ht="24.6" customHeight="1" x14ac:dyDescent="0.2">
      <c r="A31" s="9">
        <v>29</v>
      </c>
      <c r="B31" s="6" t="s">
        <v>526</v>
      </c>
      <c r="C31" s="4" t="s">
        <v>524</v>
      </c>
      <c r="D31" s="4" t="s">
        <v>525</v>
      </c>
      <c r="E31" s="4" t="s">
        <v>3</v>
      </c>
    </row>
    <row r="32" spans="1:5" ht="24.6" customHeight="1" x14ac:dyDescent="0.2">
      <c r="A32" s="9">
        <v>30</v>
      </c>
      <c r="B32" s="6" t="s">
        <v>159</v>
      </c>
      <c r="C32" s="4" t="s">
        <v>443</v>
      </c>
      <c r="D32" s="4" t="s">
        <v>139</v>
      </c>
      <c r="E32" s="4" t="s">
        <v>3</v>
      </c>
    </row>
    <row r="33" spans="1:5" ht="24.6" customHeight="1" x14ac:dyDescent="0.2">
      <c r="A33" s="9">
        <v>31</v>
      </c>
      <c r="B33" s="6" t="s">
        <v>160</v>
      </c>
      <c r="C33" s="4" t="s">
        <v>15</v>
      </c>
      <c r="D33" s="4" t="s">
        <v>16</v>
      </c>
      <c r="E33" s="4" t="s">
        <v>3</v>
      </c>
    </row>
    <row r="34" spans="1:5" ht="24.6" customHeight="1" x14ac:dyDescent="0.2">
      <c r="A34" s="9">
        <v>32</v>
      </c>
      <c r="B34" s="6" t="s">
        <v>840</v>
      </c>
      <c r="C34" s="4" t="s">
        <v>839</v>
      </c>
      <c r="D34" s="4" t="s">
        <v>838</v>
      </c>
      <c r="E34" s="4" t="s">
        <v>3</v>
      </c>
    </row>
    <row r="35" spans="1:5" ht="24.6" customHeight="1" x14ac:dyDescent="0.2">
      <c r="A35" s="9">
        <v>33</v>
      </c>
      <c r="B35" s="6" t="s">
        <v>777</v>
      </c>
      <c r="C35" s="4" t="s">
        <v>775</v>
      </c>
      <c r="D35" s="4" t="s">
        <v>776</v>
      </c>
      <c r="E35" s="4" t="s">
        <v>3</v>
      </c>
    </row>
    <row r="36" spans="1:5" ht="24.6" customHeight="1" x14ac:dyDescent="0.2">
      <c r="A36" s="9">
        <v>34</v>
      </c>
      <c r="B36" s="6" t="s">
        <v>259</v>
      </c>
      <c r="C36" s="4" t="s">
        <v>245</v>
      </c>
      <c r="D36" s="4" t="s">
        <v>246</v>
      </c>
      <c r="E36" s="4" t="s">
        <v>3</v>
      </c>
    </row>
    <row r="37" spans="1:5" ht="24.6" customHeight="1" x14ac:dyDescent="0.2">
      <c r="A37" s="9">
        <v>35</v>
      </c>
      <c r="B37" s="6" t="s">
        <v>161</v>
      </c>
      <c r="C37" s="4" t="s">
        <v>257</v>
      </c>
      <c r="D37" s="4" t="s">
        <v>258</v>
      </c>
      <c r="E37" s="4" t="s">
        <v>3</v>
      </c>
    </row>
    <row r="38" spans="1:5" ht="24.6" customHeight="1" x14ac:dyDescent="0.2">
      <c r="A38" s="9">
        <v>36</v>
      </c>
      <c r="B38" s="6" t="s">
        <v>755</v>
      </c>
      <c r="C38" s="4" t="s">
        <v>754</v>
      </c>
      <c r="D38" s="4" t="s">
        <v>756</v>
      </c>
      <c r="E38" s="4" t="s">
        <v>3</v>
      </c>
    </row>
    <row r="39" spans="1:5" ht="24.6" customHeight="1" x14ac:dyDescent="0.2">
      <c r="A39" s="9">
        <v>37</v>
      </c>
      <c r="B39" s="6" t="s">
        <v>758</v>
      </c>
      <c r="C39" s="4" t="s">
        <v>757</v>
      </c>
      <c r="D39" s="4" t="s">
        <v>756</v>
      </c>
      <c r="E39" s="4" t="s">
        <v>3</v>
      </c>
    </row>
    <row r="40" spans="1:5" ht="24.6" customHeight="1" x14ac:dyDescent="0.2">
      <c r="A40" s="9">
        <v>38</v>
      </c>
      <c r="B40" s="6" t="s">
        <v>293</v>
      </c>
      <c r="C40" s="4" t="s">
        <v>17</v>
      </c>
      <c r="D40" s="4" t="s">
        <v>260</v>
      </c>
      <c r="E40" s="4" t="s">
        <v>3</v>
      </c>
    </row>
    <row r="41" spans="1:5" ht="24.6" customHeight="1" x14ac:dyDescent="0.2">
      <c r="A41" s="9">
        <v>39</v>
      </c>
      <c r="B41" s="6" t="s">
        <v>736</v>
      </c>
      <c r="C41" s="4" t="s">
        <v>780</v>
      </c>
      <c r="D41" s="4" t="s">
        <v>676</v>
      </c>
      <c r="E41" s="4" t="s">
        <v>3</v>
      </c>
    </row>
    <row r="42" spans="1:5" ht="24.6" customHeight="1" x14ac:dyDescent="0.2">
      <c r="A42" s="9">
        <v>40</v>
      </c>
      <c r="B42" s="6" t="s">
        <v>737</v>
      </c>
      <c r="C42" s="4" t="s">
        <v>735</v>
      </c>
      <c r="D42" s="4" t="s">
        <v>734</v>
      </c>
      <c r="E42" s="4" t="s">
        <v>3</v>
      </c>
    </row>
    <row r="43" spans="1:5" ht="24.6" customHeight="1" x14ac:dyDescent="0.2">
      <c r="A43" s="9">
        <v>41</v>
      </c>
      <c r="B43" s="6" t="s">
        <v>545</v>
      </c>
      <c r="C43" s="4" t="s">
        <v>543</v>
      </c>
      <c r="D43" s="4" t="s">
        <v>544</v>
      </c>
      <c r="E43" s="4" t="s">
        <v>3</v>
      </c>
    </row>
    <row r="44" spans="1:5" ht="24.6" customHeight="1" x14ac:dyDescent="0.2">
      <c r="A44" s="9">
        <v>42</v>
      </c>
      <c r="B44" s="6" t="s">
        <v>157</v>
      </c>
      <c r="C44" s="4" t="s">
        <v>256</v>
      </c>
      <c r="D44" s="4" t="s">
        <v>129</v>
      </c>
      <c r="E44" s="4" t="s">
        <v>3</v>
      </c>
    </row>
    <row r="45" spans="1:5" ht="24.6" customHeight="1" x14ac:dyDescent="0.2">
      <c r="A45" s="9">
        <v>43</v>
      </c>
      <c r="B45" s="6" t="s">
        <v>158</v>
      </c>
      <c r="C45" s="4" t="s">
        <v>149</v>
      </c>
      <c r="D45" s="4" t="s">
        <v>150</v>
      </c>
      <c r="E45" s="4" t="s">
        <v>3</v>
      </c>
    </row>
    <row r="46" spans="1:5" ht="24.6" customHeight="1" x14ac:dyDescent="0.2">
      <c r="A46" s="9">
        <v>44</v>
      </c>
      <c r="B46" s="6" t="s">
        <v>290</v>
      </c>
      <c r="C46" s="4" t="s">
        <v>291</v>
      </c>
      <c r="D46" s="4" t="s">
        <v>292</v>
      </c>
      <c r="E46" s="4" t="s">
        <v>3</v>
      </c>
    </row>
    <row r="47" spans="1:5" ht="24.6" customHeight="1" x14ac:dyDescent="0.2">
      <c r="A47" s="9">
        <v>45</v>
      </c>
      <c r="B47" s="6" t="s">
        <v>653</v>
      </c>
      <c r="C47" s="4" t="s">
        <v>651</v>
      </c>
      <c r="D47" s="4" t="s">
        <v>652</v>
      </c>
      <c r="E47" s="4" t="s">
        <v>3</v>
      </c>
    </row>
    <row r="48" spans="1:5" ht="24.6" customHeight="1" x14ac:dyDescent="0.2">
      <c r="A48" s="9">
        <v>46</v>
      </c>
      <c r="B48" s="6" t="s">
        <v>423</v>
      </c>
      <c r="C48" s="4" t="s">
        <v>421</v>
      </c>
      <c r="D48" s="4" t="s">
        <v>422</v>
      </c>
      <c r="E48" s="4" t="s">
        <v>148</v>
      </c>
    </row>
    <row r="49" spans="1:6" ht="24.6" customHeight="1" x14ac:dyDescent="0.2">
      <c r="A49" s="9">
        <v>47</v>
      </c>
      <c r="B49" s="6" t="s">
        <v>789</v>
      </c>
      <c r="C49" s="4" t="s">
        <v>788</v>
      </c>
      <c r="D49" s="4" t="s">
        <v>787</v>
      </c>
      <c r="E49" s="4" t="s">
        <v>3</v>
      </c>
    </row>
    <row r="50" spans="1:6" ht="24.6" customHeight="1" x14ac:dyDescent="0.2">
      <c r="A50" s="9">
        <v>48</v>
      </c>
      <c r="B50" s="6" t="s">
        <v>523</v>
      </c>
      <c r="C50" s="4" t="s">
        <v>521</v>
      </c>
      <c r="D50" s="4" t="s">
        <v>522</v>
      </c>
      <c r="E50" s="4" t="s">
        <v>3</v>
      </c>
    </row>
    <row r="51" spans="1:6" ht="24.6" customHeight="1" x14ac:dyDescent="0.2">
      <c r="A51" s="9">
        <v>49</v>
      </c>
      <c r="B51" s="6" t="s">
        <v>164</v>
      </c>
      <c r="C51" s="4" t="s">
        <v>296</v>
      </c>
      <c r="D51" s="4" t="s">
        <v>128</v>
      </c>
      <c r="E51" s="4" t="s">
        <v>3</v>
      </c>
    </row>
    <row r="52" spans="1:6" ht="24.6" customHeight="1" x14ac:dyDescent="0.2">
      <c r="A52" s="9">
        <v>50</v>
      </c>
      <c r="B52" s="6" t="s">
        <v>721</v>
      </c>
      <c r="C52" s="4" t="s">
        <v>262</v>
      </c>
      <c r="D52" s="4" t="s">
        <v>130</v>
      </c>
      <c r="E52" s="4" t="s">
        <v>3</v>
      </c>
    </row>
    <row r="53" spans="1:6" ht="24.6" customHeight="1" x14ac:dyDescent="0.2">
      <c r="A53" s="9">
        <v>51</v>
      </c>
      <c r="B53" s="6" t="s">
        <v>722</v>
      </c>
      <c r="C53" s="4" t="s">
        <v>720</v>
      </c>
      <c r="D53" s="4" t="s">
        <v>719</v>
      </c>
      <c r="E53" s="4" t="s">
        <v>3</v>
      </c>
    </row>
    <row r="54" spans="1:6" ht="24.6" customHeight="1" x14ac:dyDescent="0.2">
      <c r="A54" s="9">
        <v>52</v>
      </c>
      <c r="B54" s="6" t="s">
        <v>778</v>
      </c>
      <c r="C54" s="4" t="s">
        <v>779</v>
      </c>
      <c r="D54" s="4" t="s">
        <v>762</v>
      </c>
      <c r="E54" s="4" t="s">
        <v>3</v>
      </c>
    </row>
    <row r="55" spans="1:6" ht="24.6" customHeight="1" x14ac:dyDescent="0.2">
      <c r="A55" s="9">
        <v>53</v>
      </c>
      <c r="B55" s="6" t="s">
        <v>689</v>
      </c>
      <c r="C55" s="4" t="s">
        <v>748</v>
      </c>
      <c r="D55" s="4" t="s">
        <v>693</v>
      </c>
      <c r="E55" s="4" t="s">
        <v>3</v>
      </c>
    </row>
    <row r="56" spans="1:6" ht="24.6" customHeight="1" x14ac:dyDescent="0.2">
      <c r="A56" s="9">
        <v>54</v>
      </c>
      <c r="B56" s="6" t="s">
        <v>760</v>
      </c>
      <c r="C56" s="4" t="s">
        <v>759</v>
      </c>
      <c r="D56" s="4" t="s">
        <v>761</v>
      </c>
      <c r="E56" s="4" t="s">
        <v>3</v>
      </c>
    </row>
    <row r="57" spans="1:6" ht="24.6" customHeight="1" x14ac:dyDescent="0.2">
      <c r="A57" s="9">
        <v>55</v>
      </c>
      <c r="B57" s="3" t="s">
        <v>352</v>
      </c>
      <c r="C57" s="3" t="s">
        <v>354</v>
      </c>
      <c r="D57" s="3" t="s">
        <v>355</v>
      </c>
      <c r="E57" s="3" t="s">
        <v>3</v>
      </c>
      <c r="F57" s="12"/>
    </row>
    <row r="58" spans="1:6" ht="24.6" customHeight="1" x14ac:dyDescent="0.2">
      <c r="A58" s="9">
        <v>56</v>
      </c>
      <c r="B58" s="3" t="s">
        <v>869</v>
      </c>
      <c r="C58" s="3" t="s">
        <v>867</v>
      </c>
      <c r="D58" s="3" t="s">
        <v>868</v>
      </c>
      <c r="E58" s="3" t="s">
        <v>3</v>
      </c>
      <c r="F58" s="12"/>
    </row>
    <row r="59" spans="1:6" ht="24.6" customHeight="1" x14ac:dyDescent="0.2">
      <c r="A59" s="9">
        <v>57</v>
      </c>
      <c r="B59" s="6" t="s">
        <v>625</v>
      </c>
      <c r="C59" s="6" t="s">
        <v>624</v>
      </c>
      <c r="D59" s="6" t="s">
        <v>623</v>
      </c>
      <c r="E59" s="6" t="s">
        <v>3</v>
      </c>
    </row>
    <row r="60" spans="1:6" ht="24.6" customHeight="1" x14ac:dyDescent="0.2">
      <c r="A60" s="9">
        <v>58</v>
      </c>
      <c r="B60" s="6" t="s">
        <v>505</v>
      </c>
      <c r="C60" s="6" t="s">
        <v>503</v>
      </c>
      <c r="D60" s="6" t="s">
        <v>504</v>
      </c>
      <c r="E60" s="6" t="s">
        <v>3</v>
      </c>
    </row>
    <row r="61" spans="1:6" ht="24.6" customHeight="1" x14ac:dyDescent="0.2">
      <c r="A61" s="9">
        <v>59</v>
      </c>
      <c r="B61" s="6" t="s">
        <v>484</v>
      </c>
      <c r="C61" s="6" t="s">
        <v>482</v>
      </c>
      <c r="D61" s="6" t="s">
        <v>483</v>
      </c>
      <c r="E61" s="6" t="s">
        <v>3</v>
      </c>
    </row>
    <row r="62" spans="1:6" ht="24.6" customHeight="1" x14ac:dyDescent="0.2">
      <c r="A62" s="9">
        <v>60</v>
      </c>
      <c r="B62" s="6" t="s">
        <v>715</v>
      </c>
      <c r="C62" s="6" t="s">
        <v>714</v>
      </c>
      <c r="D62" s="6" t="s">
        <v>713</v>
      </c>
      <c r="E62" s="6" t="s">
        <v>148</v>
      </c>
    </row>
    <row r="63" spans="1:6" ht="24.6" customHeight="1" x14ac:dyDescent="0.2">
      <c r="A63" s="9">
        <v>61</v>
      </c>
      <c r="B63" s="6" t="s">
        <v>659</v>
      </c>
      <c r="C63" s="6" t="s">
        <v>657</v>
      </c>
      <c r="D63" s="6" t="s">
        <v>658</v>
      </c>
      <c r="E63" s="4" t="s">
        <v>148</v>
      </c>
    </row>
    <row r="64" spans="1:6" ht="24.6" customHeight="1" x14ac:dyDescent="0.2">
      <c r="A64" s="9">
        <v>62</v>
      </c>
      <c r="B64" s="6" t="s">
        <v>631</v>
      </c>
      <c r="C64" s="6" t="s">
        <v>629</v>
      </c>
      <c r="D64" s="6" t="s">
        <v>630</v>
      </c>
      <c r="E64" s="6" t="s">
        <v>3</v>
      </c>
    </row>
    <row r="65" spans="1:6" ht="24.6" customHeight="1" x14ac:dyDescent="0.2">
      <c r="A65" s="9">
        <v>63</v>
      </c>
      <c r="B65" s="6" t="s">
        <v>165</v>
      </c>
      <c r="C65" s="4" t="s">
        <v>20</v>
      </c>
      <c r="D65" s="4" t="s">
        <v>21</v>
      </c>
      <c r="E65" s="4" t="s">
        <v>148</v>
      </c>
    </row>
    <row r="66" spans="1:6" ht="24.6" customHeight="1" x14ac:dyDescent="0.2">
      <c r="A66" s="9">
        <v>64</v>
      </c>
      <c r="B66" s="6" t="s">
        <v>520</v>
      </c>
      <c r="C66" s="4" t="s">
        <v>518</v>
      </c>
      <c r="D66" s="4" t="s">
        <v>519</v>
      </c>
      <c r="E66" s="4" t="s">
        <v>148</v>
      </c>
    </row>
    <row r="67" spans="1:6" ht="24.6" customHeight="1" x14ac:dyDescent="0.2">
      <c r="A67" s="9">
        <v>65</v>
      </c>
      <c r="B67" s="4" t="s">
        <v>397</v>
      </c>
      <c r="C67" s="4" t="s">
        <v>389</v>
      </c>
      <c r="D67" s="4" t="s">
        <v>390</v>
      </c>
      <c r="E67" s="4" t="s">
        <v>3</v>
      </c>
    </row>
    <row r="68" spans="1:6" ht="24.6" customHeight="1" x14ac:dyDescent="0.2">
      <c r="A68" s="9">
        <v>66</v>
      </c>
      <c r="B68" s="4" t="s">
        <v>733</v>
      </c>
      <c r="C68" s="4" t="s">
        <v>731</v>
      </c>
      <c r="D68" s="4" t="s">
        <v>732</v>
      </c>
      <c r="E68" s="4" t="s">
        <v>3</v>
      </c>
    </row>
    <row r="69" spans="1:6" ht="24.6" customHeight="1" x14ac:dyDescent="0.2">
      <c r="A69" s="9">
        <v>67</v>
      </c>
      <c r="B69" s="4" t="s">
        <v>371</v>
      </c>
      <c r="C69" s="4" t="s">
        <v>366</v>
      </c>
      <c r="D69" s="4" t="s">
        <v>400</v>
      </c>
      <c r="E69" s="4" t="s">
        <v>3</v>
      </c>
    </row>
    <row r="70" spans="1:6" ht="24.6" customHeight="1" x14ac:dyDescent="0.2">
      <c r="A70" s="9">
        <v>68</v>
      </c>
      <c r="B70" s="6" t="s">
        <v>426</v>
      </c>
      <c r="C70" s="4" t="s">
        <v>424</v>
      </c>
      <c r="D70" s="4" t="s">
        <v>425</v>
      </c>
      <c r="E70" s="4" t="s">
        <v>3</v>
      </c>
    </row>
    <row r="71" spans="1:6" ht="24.6" customHeight="1" x14ac:dyDescent="0.2">
      <c r="A71" s="9">
        <v>69</v>
      </c>
      <c r="B71" s="6" t="s">
        <v>817</v>
      </c>
      <c r="C71" s="4" t="s">
        <v>816</v>
      </c>
      <c r="D71" s="4" t="s">
        <v>815</v>
      </c>
      <c r="E71" s="4" t="s">
        <v>3</v>
      </c>
    </row>
    <row r="72" spans="1:6" ht="24.6" customHeight="1" x14ac:dyDescent="0.2">
      <c r="A72" s="9">
        <v>70</v>
      </c>
      <c r="B72" s="6" t="s">
        <v>843</v>
      </c>
      <c r="C72" s="4" t="s">
        <v>842</v>
      </c>
      <c r="D72" s="4" t="s">
        <v>841</v>
      </c>
      <c r="E72" s="4" t="s">
        <v>3</v>
      </c>
    </row>
    <row r="73" spans="1:6" ht="24.6" customHeight="1" x14ac:dyDescent="0.2">
      <c r="A73" s="9">
        <v>71</v>
      </c>
      <c r="B73" s="6" t="s">
        <v>294</v>
      </c>
      <c r="C73" s="4" t="s">
        <v>230</v>
      </c>
      <c r="D73" s="4" t="s">
        <v>231</v>
      </c>
      <c r="E73" s="4" t="s">
        <v>3</v>
      </c>
    </row>
    <row r="74" spans="1:6" ht="24.6" customHeight="1" x14ac:dyDescent="0.2">
      <c r="A74" s="9">
        <v>72</v>
      </c>
      <c r="B74" s="6" t="s">
        <v>162</v>
      </c>
      <c r="C74" s="4" t="s">
        <v>18</v>
      </c>
      <c r="D74" s="4" t="s">
        <v>19</v>
      </c>
      <c r="E74" s="4" t="s">
        <v>148</v>
      </c>
    </row>
    <row r="75" spans="1:6" ht="24.6" customHeight="1" x14ac:dyDescent="0.2">
      <c r="A75" s="9">
        <v>73</v>
      </c>
      <c r="B75" s="6" t="s">
        <v>805</v>
      </c>
      <c r="C75" s="4" t="s">
        <v>803</v>
      </c>
      <c r="D75" s="4" t="s">
        <v>804</v>
      </c>
      <c r="E75" s="4" t="s">
        <v>3</v>
      </c>
    </row>
    <row r="76" spans="1:6" ht="24.6" customHeight="1" x14ac:dyDescent="0.2">
      <c r="A76" s="9">
        <v>74</v>
      </c>
      <c r="B76" s="3" t="s">
        <v>881</v>
      </c>
      <c r="C76" s="1" t="s">
        <v>879</v>
      </c>
      <c r="D76" s="1" t="s">
        <v>880</v>
      </c>
      <c r="E76" s="1" t="s">
        <v>3</v>
      </c>
      <c r="F76" s="12"/>
    </row>
    <row r="77" spans="1:6" ht="24.6" customHeight="1" x14ac:dyDescent="0.2">
      <c r="A77" s="9">
        <v>75</v>
      </c>
      <c r="B77" s="3" t="s">
        <v>163</v>
      </c>
      <c r="C77" s="1" t="s">
        <v>295</v>
      </c>
      <c r="D77" s="1" t="s">
        <v>261</v>
      </c>
      <c r="E77" s="1" t="s">
        <v>3</v>
      </c>
      <c r="F77" s="12"/>
    </row>
    <row r="78" spans="1:6" ht="24.6" customHeight="1" x14ac:dyDescent="0.2">
      <c r="A78" s="9">
        <v>76</v>
      </c>
      <c r="B78" s="6" t="s">
        <v>263</v>
      </c>
      <c r="C78" s="4" t="s">
        <v>247</v>
      </c>
      <c r="D78" s="4" t="s">
        <v>248</v>
      </c>
      <c r="E78" s="4" t="s">
        <v>3</v>
      </c>
    </row>
    <row r="79" spans="1:6" ht="24.6" customHeight="1" x14ac:dyDescent="0.2">
      <c r="A79" s="9">
        <v>77</v>
      </c>
      <c r="B79" s="6" t="s">
        <v>580</v>
      </c>
      <c r="C79" s="4" t="s">
        <v>582</v>
      </c>
      <c r="D79" s="4" t="s">
        <v>583</v>
      </c>
      <c r="E79" s="4" t="s">
        <v>3</v>
      </c>
    </row>
    <row r="80" spans="1:6" ht="24.6" customHeight="1" x14ac:dyDescent="0.2">
      <c r="A80" s="9">
        <v>78</v>
      </c>
      <c r="B80" s="6" t="s">
        <v>726</v>
      </c>
      <c r="C80" s="4" t="s">
        <v>724</v>
      </c>
      <c r="D80" s="4" t="s">
        <v>725</v>
      </c>
      <c r="E80" s="4" t="s">
        <v>3</v>
      </c>
    </row>
    <row r="81" spans="1:5" ht="27" customHeight="1" x14ac:dyDescent="0.2">
      <c r="A81" s="9">
        <v>79</v>
      </c>
      <c r="B81" s="6" t="s">
        <v>581</v>
      </c>
      <c r="C81" s="4" t="s">
        <v>578</v>
      </c>
      <c r="D81" s="4" t="s">
        <v>579</v>
      </c>
      <c r="E81" s="4" t="s">
        <v>3</v>
      </c>
    </row>
    <row r="82" spans="1:5" ht="24.6" customHeight="1" x14ac:dyDescent="0.2">
      <c r="A82" s="9">
        <v>80</v>
      </c>
      <c r="B82" s="6" t="s">
        <v>753</v>
      </c>
      <c r="C82" s="4" t="s">
        <v>751</v>
      </c>
      <c r="D82" s="4" t="s">
        <v>752</v>
      </c>
      <c r="E82" s="4" t="s">
        <v>3</v>
      </c>
    </row>
    <row r="83" spans="1:5" ht="24.6" customHeight="1" x14ac:dyDescent="0.2">
      <c r="A83" s="9">
        <v>81</v>
      </c>
      <c r="B83" s="6" t="s">
        <v>166</v>
      </c>
      <c r="C83" s="4" t="s">
        <v>22</v>
      </c>
      <c r="D83" s="4" t="s">
        <v>23</v>
      </c>
      <c r="E83" s="4" t="s">
        <v>148</v>
      </c>
    </row>
    <row r="84" spans="1:5" ht="24.6" customHeight="1" x14ac:dyDescent="0.2">
      <c r="A84" s="9">
        <v>82</v>
      </c>
      <c r="B84" s="6" t="s">
        <v>264</v>
      </c>
      <c r="C84" s="4" t="s">
        <v>350</v>
      </c>
      <c r="D84" s="4" t="s">
        <v>249</v>
      </c>
      <c r="E84" s="4" t="s">
        <v>3</v>
      </c>
    </row>
    <row r="85" spans="1:5" ht="24.6" customHeight="1" x14ac:dyDescent="0.2">
      <c r="A85" s="9">
        <v>83</v>
      </c>
      <c r="B85" s="4" t="s">
        <v>341</v>
      </c>
      <c r="C85" s="4" t="s">
        <v>346</v>
      </c>
      <c r="D85" s="4" t="s">
        <v>347</v>
      </c>
      <c r="E85" s="4" t="s">
        <v>3</v>
      </c>
    </row>
    <row r="86" spans="1:5" ht="24.6" customHeight="1" x14ac:dyDescent="0.2">
      <c r="A86" s="9">
        <v>84</v>
      </c>
      <c r="B86" s="4" t="s">
        <v>412</v>
      </c>
      <c r="C86" s="4" t="s">
        <v>403</v>
      </c>
      <c r="D86" s="4" t="s">
        <v>404</v>
      </c>
      <c r="E86" s="4" t="s">
        <v>148</v>
      </c>
    </row>
    <row r="87" spans="1:5" ht="24.6" customHeight="1" x14ac:dyDescent="0.2">
      <c r="A87" s="9">
        <v>85</v>
      </c>
      <c r="B87" s="6" t="s">
        <v>168</v>
      </c>
      <c r="C87" s="4" t="s">
        <v>26</v>
      </c>
      <c r="D87" s="4" t="s">
        <v>27</v>
      </c>
      <c r="E87" s="4" t="s">
        <v>148</v>
      </c>
    </row>
    <row r="88" spans="1:5" ht="24.6" customHeight="1" x14ac:dyDescent="0.2">
      <c r="A88" s="9">
        <v>86</v>
      </c>
      <c r="B88" s="6" t="s">
        <v>647</v>
      </c>
      <c r="C88" s="4" t="s">
        <v>28</v>
      </c>
      <c r="D88" s="4" t="s">
        <v>29</v>
      </c>
      <c r="E88" s="4" t="s">
        <v>148</v>
      </c>
    </row>
    <row r="89" spans="1:5" ht="38.4" customHeight="1" x14ac:dyDescent="0.2">
      <c r="A89" s="9">
        <v>87</v>
      </c>
      <c r="B89" s="6" t="s">
        <v>712</v>
      </c>
      <c r="C89" s="7" t="s">
        <v>711</v>
      </c>
      <c r="D89" s="4" t="s">
        <v>710</v>
      </c>
      <c r="E89" s="4" t="s">
        <v>148</v>
      </c>
    </row>
    <row r="90" spans="1:5" ht="24.6" customHeight="1" x14ac:dyDescent="0.2">
      <c r="A90" s="9">
        <v>88</v>
      </c>
      <c r="B90" s="6" t="s">
        <v>648</v>
      </c>
      <c r="C90" s="4" t="s">
        <v>646</v>
      </c>
      <c r="D90" s="4" t="s">
        <v>746</v>
      </c>
      <c r="E90" s="4" t="s">
        <v>3</v>
      </c>
    </row>
    <row r="91" spans="1:5" ht="24.6" customHeight="1" x14ac:dyDescent="0.2">
      <c r="A91" s="9">
        <v>89</v>
      </c>
      <c r="B91" s="6" t="s">
        <v>167</v>
      </c>
      <c r="C91" s="4" t="s">
        <v>24</v>
      </c>
      <c r="D91" s="4" t="s">
        <v>25</v>
      </c>
      <c r="E91" s="4" t="s">
        <v>148</v>
      </c>
    </row>
    <row r="92" spans="1:5" ht="24.6" customHeight="1" x14ac:dyDescent="0.2">
      <c r="A92" s="9">
        <v>90</v>
      </c>
      <c r="B92" s="6" t="s">
        <v>594</v>
      </c>
      <c r="C92" s="4" t="s">
        <v>593</v>
      </c>
      <c r="D92" s="4" t="s">
        <v>592</v>
      </c>
      <c r="E92" s="4" t="s">
        <v>3</v>
      </c>
    </row>
    <row r="93" spans="1:5" ht="24.6" customHeight="1" x14ac:dyDescent="0.2">
      <c r="A93" s="9">
        <v>91</v>
      </c>
      <c r="B93" s="3" t="s">
        <v>866</v>
      </c>
      <c r="C93" s="1" t="s">
        <v>864</v>
      </c>
      <c r="D93" s="1" t="s">
        <v>865</v>
      </c>
      <c r="E93" s="1" t="s">
        <v>3</v>
      </c>
    </row>
    <row r="94" spans="1:5" ht="24.6" customHeight="1" x14ac:dyDescent="0.2">
      <c r="A94" s="9">
        <v>92</v>
      </c>
      <c r="B94" s="3" t="s">
        <v>878</v>
      </c>
      <c r="C94" s="1" t="s">
        <v>876</v>
      </c>
      <c r="D94" s="1" t="s">
        <v>877</v>
      </c>
      <c r="E94" s="1" t="s">
        <v>3</v>
      </c>
    </row>
    <row r="95" spans="1:5" ht="24.6" customHeight="1" x14ac:dyDescent="0.2">
      <c r="A95" s="9">
        <v>93</v>
      </c>
      <c r="B95" s="4" t="s">
        <v>340</v>
      </c>
      <c r="C95" s="4" t="s">
        <v>348</v>
      </c>
      <c r="D95" s="4" t="s">
        <v>349</v>
      </c>
      <c r="E95" s="4" t="s">
        <v>3</v>
      </c>
    </row>
    <row r="96" spans="1:5" ht="24.6" customHeight="1" x14ac:dyDescent="0.2">
      <c r="A96" s="9">
        <v>94</v>
      </c>
      <c r="B96" s="4" t="s">
        <v>656</v>
      </c>
      <c r="C96" s="4" t="s">
        <v>655</v>
      </c>
      <c r="D96" s="4" t="s">
        <v>654</v>
      </c>
      <c r="E96" s="4" t="s">
        <v>3</v>
      </c>
    </row>
    <row r="97" spans="1:7" ht="24.6" customHeight="1" x14ac:dyDescent="0.2">
      <c r="A97" s="9">
        <v>95</v>
      </c>
      <c r="B97" s="4" t="s">
        <v>553</v>
      </c>
      <c r="C97" s="4" t="s">
        <v>551</v>
      </c>
      <c r="D97" s="4" t="s">
        <v>552</v>
      </c>
      <c r="E97" s="4" t="s">
        <v>3</v>
      </c>
    </row>
    <row r="98" spans="1:7" ht="24.6" customHeight="1" x14ac:dyDescent="0.2">
      <c r="A98" s="9">
        <v>96</v>
      </c>
      <c r="B98" s="6" t="s">
        <v>637</v>
      </c>
      <c r="C98" s="4" t="s">
        <v>37</v>
      </c>
      <c r="D98" s="4" t="s">
        <v>38</v>
      </c>
      <c r="E98" s="4" t="s">
        <v>3</v>
      </c>
    </row>
    <row r="99" spans="1:7" ht="24.6" customHeight="1" x14ac:dyDescent="0.2">
      <c r="A99" s="9">
        <v>97</v>
      </c>
      <c r="B99" s="6" t="s">
        <v>638</v>
      </c>
      <c r="C99" s="4" t="s">
        <v>636</v>
      </c>
      <c r="D99" s="4" t="s">
        <v>635</v>
      </c>
      <c r="E99" s="4" t="s">
        <v>3</v>
      </c>
    </row>
    <row r="100" spans="1:7" ht="24.6" customHeight="1" x14ac:dyDescent="0.2">
      <c r="A100" s="9">
        <v>98</v>
      </c>
      <c r="B100" s="3" t="s">
        <v>887</v>
      </c>
      <c r="C100" s="1" t="s">
        <v>885</v>
      </c>
      <c r="D100" s="1" t="s">
        <v>886</v>
      </c>
      <c r="E100" s="1" t="s">
        <v>3</v>
      </c>
      <c r="F100" s="12"/>
      <c r="G100" s="12"/>
    </row>
    <row r="101" spans="1:7" ht="24.6" customHeight="1" x14ac:dyDescent="0.2">
      <c r="A101" s="9">
        <v>99</v>
      </c>
      <c r="B101" s="4" t="s">
        <v>396</v>
      </c>
      <c r="C101" s="4" t="s">
        <v>387</v>
      </c>
      <c r="D101" s="4" t="s">
        <v>388</v>
      </c>
      <c r="E101" s="4" t="s">
        <v>3</v>
      </c>
    </row>
    <row r="102" spans="1:7" ht="24.6" customHeight="1" x14ac:dyDescent="0.2">
      <c r="A102" s="9">
        <v>100</v>
      </c>
      <c r="B102" s="6" t="s">
        <v>176</v>
      </c>
      <c r="C102" s="4" t="s">
        <v>39</v>
      </c>
      <c r="D102" s="4" t="s">
        <v>40</v>
      </c>
      <c r="E102" s="4" t="s">
        <v>3</v>
      </c>
    </row>
    <row r="103" spans="1:7" ht="24.6" customHeight="1" x14ac:dyDescent="0.2">
      <c r="A103" s="9">
        <v>101</v>
      </c>
      <c r="B103" s="6" t="s">
        <v>177</v>
      </c>
      <c r="C103" s="4" t="s">
        <v>41</v>
      </c>
      <c r="D103" s="4" t="s">
        <v>42</v>
      </c>
      <c r="E103" s="4" t="s">
        <v>148</v>
      </c>
    </row>
    <row r="104" spans="1:7" ht="24.6" customHeight="1" x14ac:dyDescent="0.2">
      <c r="A104" s="9">
        <v>102</v>
      </c>
      <c r="B104" s="6" t="s">
        <v>475</v>
      </c>
      <c r="C104" s="4" t="s">
        <v>473</v>
      </c>
      <c r="D104" s="4" t="s">
        <v>474</v>
      </c>
      <c r="E104" s="4" t="s">
        <v>3</v>
      </c>
    </row>
    <row r="105" spans="1:7" ht="24.6" customHeight="1" x14ac:dyDescent="0.2">
      <c r="A105" s="9">
        <v>103</v>
      </c>
      <c r="B105" s="6" t="s">
        <v>462</v>
      </c>
      <c r="C105" s="4" t="s">
        <v>460</v>
      </c>
      <c r="D105" s="4" t="s">
        <v>461</v>
      </c>
      <c r="E105" s="4" t="s">
        <v>3</v>
      </c>
    </row>
    <row r="106" spans="1:7" ht="24.6" customHeight="1" x14ac:dyDescent="0.2">
      <c r="A106" s="9">
        <v>104</v>
      </c>
      <c r="B106" s="6" t="s">
        <v>269</v>
      </c>
      <c r="C106" s="4" t="s">
        <v>240</v>
      </c>
      <c r="D106" s="4" t="s">
        <v>241</v>
      </c>
      <c r="E106" s="4" t="s">
        <v>3</v>
      </c>
    </row>
    <row r="107" spans="1:7" ht="24.6" customHeight="1" x14ac:dyDescent="0.2">
      <c r="A107" s="9">
        <v>105</v>
      </c>
      <c r="B107" s="6" t="s">
        <v>612</v>
      </c>
      <c r="C107" s="4" t="s">
        <v>723</v>
      </c>
      <c r="D107" s="4" t="s">
        <v>611</v>
      </c>
      <c r="E107" s="4" t="s">
        <v>3</v>
      </c>
    </row>
    <row r="108" spans="1:7" ht="24.6" customHeight="1" x14ac:dyDescent="0.2">
      <c r="A108" s="9">
        <v>106</v>
      </c>
      <c r="B108" s="6" t="s">
        <v>270</v>
      </c>
      <c r="C108" s="4" t="s">
        <v>242</v>
      </c>
      <c r="D108" s="4" t="s">
        <v>243</v>
      </c>
      <c r="E108" s="4" t="s">
        <v>3</v>
      </c>
    </row>
    <row r="109" spans="1:7" ht="24.6" customHeight="1" x14ac:dyDescent="0.2">
      <c r="A109" s="9">
        <v>107</v>
      </c>
      <c r="B109" s="6" t="s">
        <v>271</v>
      </c>
      <c r="C109" s="4" t="s">
        <v>252</v>
      </c>
      <c r="D109" s="4" t="s">
        <v>272</v>
      </c>
      <c r="E109" s="4" t="s">
        <v>3</v>
      </c>
    </row>
    <row r="110" spans="1:7" ht="24.6" customHeight="1" x14ac:dyDescent="0.2">
      <c r="A110" s="9">
        <v>108</v>
      </c>
      <c r="B110" s="6" t="s">
        <v>848</v>
      </c>
      <c r="C110" s="4" t="s">
        <v>847</v>
      </c>
      <c r="D110" s="4" t="s">
        <v>846</v>
      </c>
      <c r="E110" s="4" t="s">
        <v>148</v>
      </c>
    </row>
    <row r="111" spans="1:7" ht="24.6" customHeight="1" x14ac:dyDescent="0.2">
      <c r="A111" s="9">
        <v>109</v>
      </c>
      <c r="B111" s="6" t="s">
        <v>644</v>
      </c>
      <c r="C111" s="4" t="s">
        <v>643</v>
      </c>
      <c r="D111" s="4" t="s">
        <v>642</v>
      </c>
      <c r="E111" s="4" t="s">
        <v>3</v>
      </c>
    </row>
    <row r="112" spans="1:7" ht="24.6" customHeight="1" x14ac:dyDescent="0.2">
      <c r="A112" s="9">
        <v>110</v>
      </c>
      <c r="B112" s="3" t="s">
        <v>888</v>
      </c>
      <c r="C112" s="1" t="s">
        <v>863</v>
      </c>
      <c r="D112" s="1" t="s">
        <v>890</v>
      </c>
      <c r="E112" s="1" t="s">
        <v>3</v>
      </c>
    </row>
    <row r="113" spans="1:5" ht="24.6" customHeight="1" x14ac:dyDescent="0.2">
      <c r="A113" s="9">
        <v>111</v>
      </c>
      <c r="B113" s="4" t="s">
        <v>413</v>
      </c>
      <c r="C113" s="4" t="s">
        <v>405</v>
      </c>
      <c r="D113" s="4" t="s">
        <v>406</v>
      </c>
      <c r="E113" s="4" t="s">
        <v>3</v>
      </c>
    </row>
    <row r="114" spans="1:5" ht="24.6" customHeight="1" x14ac:dyDescent="0.2">
      <c r="A114" s="9">
        <v>112</v>
      </c>
      <c r="B114" s="4" t="s">
        <v>458</v>
      </c>
      <c r="C114" s="4" t="s">
        <v>456</v>
      </c>
      <c r="D114" s="4" t="s">
        <v>457</v>
      </c>
      <c r="E114" s="4" t="s">
        <v>3</v>
      </c>
    </row>
    <row r="115" spans="1:5" ht="24.6" customHeight="1" x14ac:dyDescent="0.2">
      <c r="A115" s="9">
        <v>113</v>
      </c>
      <c r="B115" s="4" t="s">
        <v>675</v>
      </c>
      <c r="C115" s="4" t="s">
        <v>674</v>
      </c>
      <c r="D115" s="4" t="s">
        <v>673</v>
      </c>
      <c r="E115" s="4" t="s">
        <v>3</v>
      </c>
    </row>
    <row r="116" spans="1:5" ht="24.6" customHeight="1" x14ac:dyDescent="0.2">
      <c r="A116" s="9">
        <v>114</v>
      </c>
      <c r="B116" s="4" t="s">
        <v>786</v>
      </c>
      <c r="C116" s="4" t="s">
        <v>785</v>
      </c>
      <c r="D116" s="4" t="s">
        <v>784</v>
      </c>
      <c r="E116" s="4" t="s">
        <v>3</v>
      </c>
    </row>
    <row r="117" spans="1:5" ht="24.6" customHeight="1" x14ac:dyDescent="0.2">
      <c r="A117" s="9">
        <v>115</v>
      </c>
      <c r="B117" s="6" t="s">
        <v>502</v>
      </c>
      <c r="C117" s="4" t="s">
        <v>500</v>
      </c>
      <c r="D117" s="4" t="s">
        <v>501</v>
      </c>
      <c r="E117" s="4" t="s">
        <v>3</v>
      </c>
    </row>
    <row r="118" spans="1:5" ht="24.6" customHeight="1" x14ac:dyDescent="0.2">
      <c r="A118" s="9">
        <v>116</v>
      </c>
      <c r="B118" s="6" t="s">
        <v>179</v>
      </c>
      <c r="C118" s="4" t="s">
        <v>43</v>
      </c>
      <c r="D118" s="4" t="s">
        <v>44</v>
      </c>
      <c r="E118" s="4" t="s">
        <v>3</v>
      </c>
    </row>
    <row r="119" spans="1:5" ht="24.6" customHeight="1" x14ac:dyDescent="0.2">
      <c r="A119" s="9">
        <v>117</v>
      </c>
      <c r="B119" s="6" t="s">
        <v>180</v>
      </c>
      <c r="C119" s="4" t="s">
        <v>45</v>
      </c>
      <c r="D119" s="4" t="s">
        <v>46</v>
      </c>
      <c r="E119" s="4" t="s">
        <v>3</v>
      </c>
    </row>
    <row r="120" spans="1:5" ht="24.6" customHeight="1" x14ac:dyDescent="0.2">
      <c r="A120" s="9">
        <v>118</v>
      </c>
      <c r="B120" s="6" t="s">
        <v>814</v>
      </c>
      <c r="C120" s="4" t="s">
        <v>812</v>
      </c>
      <c r="D120" s="4" t="s">
        <v>813</v>
      </c>
      <c r="E120" s="4" t="s">
        <v>3</v>
      </c>
    </row>
    <row r="121" spans="1:5" ht="24.6" customHeight="1" x14ac:dyDescent="0.2">
      <c r="A121" s="9">
        <v>119</v>
      </c>
      <c r="B121" s="6" t="s">
        <v>178</v>
      </c>
      <c r="C121" s="4" t="s">
        <v>141</v>
      </c>
      <c r="D121" s="4" t="s">
        <v>142</v>
      </c>
      <c r="E121" s="4" t="s">
        <v>3</v>
      </c>
    </row>
    <row r="122" spans="1:5" ht="24.6" customHeight="1" x14ac:dyDescent="0.2">
      <c r="A122" s="9">
        <v>120</v>
      </c>
      <c r="B122" s="6" t="s">
        <v>511</v>
      </c>
      <c r="C122" s="4" t="s">
        <v>509</v>
      </c>
      <c r="D122" s="4" t="s">
        <v>510</v>
      </c>
      <c r="E122" s="4" t="s">
        <v>3</v>
      </c>
    </row>
    <row r="123" spans="1:5" ht="24.6" customHeight="1" x14ac:dyDescent="0.2">
      <c r="A123" s="9">
        <v>121</v>
      </c>
      <c r="B123" s="6" t="s">
        <v>853</v>
      </c>
      <c r="C123" s="4" t="s">
        <v>852</v>
      </c>
      <c r="D123" s="4" t="s">
        <v>851</v>
      </c>
      <c r="E123" s="4" t="s">
        <v>3</v>
      </c>
    </row>
    <row r="124" spans="1:5" ht="24.6" customHeight="1" x14ac:dyDescent="0.2">
      <c r="A124" s="9">
        <v>122</v>
      </c>
      <c r="B124" s="6" t="s">
        <v>609</v>
      </c>
      <c r="C124" s="4" t="s">
        <v>31</v>
      </c>
      <c r="D124" s="4" t="s">
        <v>607</v>
      </c>
      <c r="E124" s="4" t="s">
        <v>3</v>
      </c>
    </row>
    <row r="125" spans="1:5" ht="24.6" customHeight="1" x14ac:dyDescent="0.2">
      <c r="A125" s="9">
        <v>123</v>
      </c>
      <c r="B125" s="6" t="s">
        <v>610</v>
      </c>
      <c r="C125" s="4" t="s">
        <v>606</v>
      </c>
      <c r="D125" s="4" t="s">
        <v>608</v>
      </c>
      <c r="E125" s="4" t="s">
        <v>3</v>
      </c>
    </row>
    <row r="126" spans="1:5" ht="24.6" customHeight="1" x14ac:dyDescent="0.2">
      <c r="A126" s="9">
        <v>124</v>
      </c>
      <c r="B126" s="6" t="s">
        <v>440</v>
      </c>
      <c r="C126" s="4" t="s">
        <v>438</v>
      </c>
      <c r="D126" s="4" t="s">
        <v>439</v>
      </c>
      <c r="E126" s="4" t="s">
        <v>3</v>
      </c>
    </row>
    <row r="127" spans="1:5" ht="24.6" customHeight="1" x14ac:dyDescent="0.2">
      <c r="A127" s="9">
        <v>125</v>
      </c>
      <c r="B127" s="6" t="s">
        <v>170</v>
      </c>
      <c r="C127" s="4" t="s">
        <v>265</v>
      </c>
      <c r="D127" s="4" t="s">
        <v>320</v>
      </c>
      <c r="E127" s="4" t="s">
        <v>3</v>
      </c>
    </row>
    <row r="128" spans="1:5" ht="24.6" customHeight="1" x14ac:dyDescent="0.2">
      <c r="A128" s="9">
        <v>126</v>
      </c>
      <c r="B128" s="6" t="s">
        <v>322</v>
      </c>
      <c r="C128" s="4" t="s">
        <v>324</v>
      </c>
      <c r="D128" s="4" t="s">
        <v>321</v>
      </c>
      <c r="E128" s="4" t="s">
        <v>3</v>
      </c>
    </row>
    <row r="129" spans="1:5" ht="24.6" customHeight="1" x14ac:dyDescent="0.2">
      <c r="A129" s="9">
        <v>127</v>
      </c>
      <c r="B129" s="6" t="s">
        <v>730</v>
      </c>
      <c r="C129" s="4" t="s">
        <v>728</v>
      </c>
      <c r="D129" s="4" t="s">
        <v>729</v>
      </c>
      <c r="E129" s="4" t="s">
        <v>3</v>
      </c>
    </row>
    <row r="130" spans="1:5" ht="24.6" customHeight="1" x14ac:dyDescent="0.2">
      <c r="A130" s="9">
        <v>128</v>
      </c>
      <c r="B130" s="6" t="s">
        <v>171</v>
      </c>
      <c r="C130" s="4" t="s">
        <v>32</v>
      </c>
      <c r="D130" s="4" t="s">
        <v>727</v>
      </c>
      <c r="E130" s="4" t="s">
        <v>3</v>
      </c>
    </row>
    <row r="131" spans="1:5" ht="24.6" customHeight="1" x14ac:dyDescent="0.2">
      <c r="A131" s="9">
        <v>129</v>
      </c>
      <c r="B131" s="6" t="s">
        <v>250</v>
      </c>
      <c r="C131" s="4" t="s">
        <v>251</v>
      </c>
      <c r="D131" s="4" t="s">
        <v>297</v>
      </c>
      <c r="E131" s="4" t="s">
        <v>3</v>
      </c>
    </row>
    <row r="132" spans="1:5" ht="24.6" customHeight="1" x14ac:dyDescent="0.2">
      <c r="A132" s="9">
        <v>130</v>
      </c>
      <c r="B132" s="6" t="s">
        <v>835</v>
      </c>
      <c r="C132" s="4" t="s">
        <v>834</v>
      </c>
      <c r="D132" s="4" t="s">
        <v>833</v>
      </c>
      <c r="E132" s="4" t="s">
        <v>3</v>
      </c>
    </row>
    <row r="133" spans="1:5" ht="24.6" customHeight="1" x14ac:dyDescent="0.2">
      <c r="A133" s="9">
        <v>131</v>
      </c>
      <c r="B133" s="6" t="s">
        <v>705</v>
      </c>
      <c r="C133" s="4" t="s">
        <v>704</v>
      </c>
      <c r="D133" s="4" t="s">
        <v>703</v>
      </c>
      <c r="E133" s="4" t="s">
        <v>3</v>
      </c>
    </row>
    <row r="134" spans="1:5" ht="24.6" customHeight="1" x14ac:dyDescent="0.2">
      <c r="A134" s="9">
        <v>132</v>
      </c>
      <c r="B134" s="6" t="s">
        <v>432</v>
      </c>
      <c r="C134" s="4" t="s">
        <v>430</v>
      </c>
      <c r="D134" s="4" t="s">
        <v>431</v>
      </c>
      <c r="E134" s="4" t="s">
        <v>3</v>
      </c>
    </row>
    <row r="135" spans="1:5" ht="24.6" customHeight="1" x14ac:dyDescent="0.2">
      <c r="A135" s="9">
        <v>133</v>
      </c>
      <c r="B135" s="6" t="s">
        <v>266</v>
      </c>
      <c r="C135" s="4" t="s">
        <v>267</v>
      </c>
      <c r="D135" s="4" t="s">
        <v>268</v>
      </c>
      <c r="E135" s="4" t="s">
        <v>3</v>
      </c>
    </row>
    <row r="136" spans="1:5" ht="24.6" customHeight="1" x14ac:dyDescent="0.2">
      <c r="A136" s="9">
        <v>134</v>
      </c>
      <c r="B136" s="6" t="s">
        <v>783</v>
      </c>
      <c r="C136" s="4" t="s">
        <v>781</v>
      </c>
      <c r="D136" s="4" t="s">
        <v>782</v>
      </c>
      <c r="E136" s="4" t="s">
        <v>3</v>
      </c>
    </row>
    <row r="137" spans="1:5" ht="24.6" customHeight="1" x14ac:dyDescent="0.2">
      <c r="A137" s="9">
        <v>135</v>
      </c>
      <c r="B137" s="6" t="s">
        <v>172</v>
      </c>
      <c r="C137" s="4" t="s">
        <v>33</v>
      </c>
      <c r="D137" s="4" t="s">
        <v>34</v>
      </c>
      <c r="E137" s="4" t="s">
        <v>148</v>
      </c>
    </row>
    <row r="138" spans="1:5" ht="24.6" customHeight="1" x14ac:dyDescent="0.2">
      <c r="A138" s="9">
        <v>136</v>
      </c>
      <c r="B138" s="6" t="s">
        <v>685</v>
      </c>
      <c r="C138" s="4" t="s">
        <v>683</v>
      </c>
      <c r="D138" s="4" t="s">
        <v>684</v>
      </c>
      <c r="E138" s="4" t="s">
        <v>3</v>
      </c>
    </row>
    <row r="139" spans="1:5" ht="24.6" customHeight="1" x14ac:dyDescent="0.2">
      <c r="A139" s="9">
        <v>137</v>
      </c>
      <c r="B139" s="6" t="s">
        <v>718</v>
      </c>
      <c r="C139" s="4" t="s">
        <v>716</v>
      </c>
      <c r="D139" s="4" t="s">
        <v>717</v>
      </c>
      <c r="E139" s="4" t="s">
        <v>3</v>
      </c>
    </row>
    <row r="140" spans="1:5" ht="24.6" customHeight="1" x14ac:dyDescent="0.2">
      <c r="A140" s="9">
        <v>138</v>
      </c>
      <c r="B140" s="6" t="s">
        <v>174</v>
      </c>
      <c r="C140" s="4" t="s">
        <v>298</v>
      </c>
      <c r="D140" s="4" t="s">
        <v>134</v>
      </c>
      <c r="E140" s="4" t="s">
        <v>3</v>
      </c>
    </row>
    <row r="141" spans="1:5" ht="24.6" customHeight="1" x14ac:dyDescent="0.2">
      <c r="A141" s="9">
        <v>139</v>
      </c>
      <c r="B141" s="6" t="s">
        <v>173</v>
      </c>
      <c r="C141" s="4" t="s">
        <v>119</v>
      </c>
      <c r="D141" s="4" t="s">
        <v>120</v>
      </c>
      <c r="E141" s="4" t="s">
        <v>3</v>
      </c>
    </row>
    <row r="142" spans="1:5" ht="24.6" customHeight="1" x14ac:dyDescent="0.2">
      <c r="A142" s="9">
        <v>140</v>
      </c>
      <c r="B142" s="6" t="s">
        <v>801</v>
      </c>
      <c r="C142" s="4" t="s">
        <v>799</v>
      </c>
      <c r="D142" s="4" t="s">
        <v>800</v>
      </c>
      <c r="E142" s="4" t="s">
        <v>3</v>
      </c>
    </row>
    <row r="143" spans="1:5" ht="24.6" customHeight="1" x14ac:dyDescent="0.2">
      <c r="A143" s="9">
        <v>141</v>
      </c>
      <c r="B143" s="6" t="s">
        <v>175</v>
      </c>
      <c r="C143" s="4" t="s">
        <v>35</v>
      </c>
      <c r="D143" s="4" t="s">
        <v>36</v>
      </c>
      <c r="E143" s="4" t="s">
        <v>148</v>
      </c>
    </row>
    <row r="144" spans="1:5" ht="24.6" customHeight="1" x14ac:dyDescent="0.2">
      <c r="A144" s="9">
        <v>142</v>
      </c>
      <c r="B144" s="6" t="s">
        <v>169</v>
      </c>
      <c r="C144" s="4" t="s">
        <v>136</v>
      </c>
      <c r="D144" s="4" t="s">
        <v>30</v>
      </c>
      <c r="E144" s="4" t="s">
        <v>3</v>
      </c>
    </row>
    <row r="145" spans="1:5" ht="24.6" customHeight="1" x14ac:dyDescent="0.2">
      <c r="A145" s="9">
        <v>143</v>
      </c>
      <c r="B145" s="6" t="s">
        <v>822</v>
      </c>
      <c r="C145" s="4" t="s">
        <v>819</v>
      </c>
      <c r="D145" s="4" t="s">
        <v>818</v>
      </c>
      <c r="E145" s="4" t="s">
        <v>3</v>
      </c>
    </row>
    <row r="146" spans="1:5" ht="24.6" customHeight="1" x14ac:dyDescent="0.2">
      <c r="A146" s="9">
        <v>144</v>
      </c>
      <c r="B146" s="6" t="s">
        <v>823</v>
      </c>
      <c r="C146" s="4" t="s">
        <v>821</v>
      </c>
      <c r="D146" s="4" t="s">
        <v>820</v>
      </c>
      <c r="E146" s="4" t="s">
        <v>3</v>
      </c>
    </row>
    <row r="147" spans="1:5" ht="24.6" customHeight="1" x14ac:dyDescent="0.2">
      <c r="A147" s="9">
        <v>145</v>
      </c>
      <c r="B147" s="6" t="s">
        <v>181</v>
      </c>
      <c r="C147" s="4" t="s">
        <v>47</v>
      </c>
      <c r="D147" s="4" t="s">
        <v>48</v>
      </c>
      <c r="E147" s="4" t="s">
        <v>148</v>
      </c>
    </row>
    <row r="148" spans="1:5" ht="24.6" customHeight="1" x14ac:dyDescent="0.2">
      <c r="A148" s="9">
        <v>146</v>
      </c>
      <c r="B148" s="6" t="s">
        <v>837</v>
      </c>
      <c r="C148" s="1" t="s">
        <v>859</v>
      </c>
      <c r="D148" s="4" t="s">
        <v>836</v>
      </c>
      <c r="E148" s="4" t="s">
        <v>3</v>
      </c>
    </row>
    <row r="149" spans="1:5" ht="24.6" customHeight="1" x14ac:dyDescent="0.2">
      <c r="A149" s="9">
        <v>147</v>
      </c>
      <c r="B149" s="6" t="s">
        <v>182</v>
      </c>
      <c r="C149" s="4" t="s">
        <v>49</v>
      </c>
      <c r="D149" s="4" t="s">
        <v>50</v>
      </c>
      <c r="E149" s="4" t="s">
        <v>148</v>
      </c>
    </row>
    <row r="150" spans="1:5" ht="24.6" customHeight="1" x14ac:dyDescent="0.2">
      <c r="A150" s="9">
        <v>148</v>
      </c>
      <c r="B150" s="6" t="s">
        <v>672</v>
      </c>
      <c r="C150" s="4" t="s">
        <v>669</v>
      </c>
      <c r="D150" s="4" t="s">
        <v>671</v>
      </c>
      <c r="E150" s="4" t="s">
        <v>3</v>
      </c>
    </row>
    <row r="151" spans="1:5" ht="24.6" customHeight="1" x14ac:dyDescent="0.2">
      <c r="A151" s="9">
        <v>149</v>
      </c>
      <c r="B151" s="6" t="s">
        <v>183</v>
      </c>
      <c r="C151" s="4" t="s">
        <v>51</v>
      </c>
      <c r="D151" s="4" t="s">
        <v>670</v>
      </c>
      <c r="E151" s="4" t="s">
        <v>148</v>
      </c>
    </row>
    <row r="152" spans="1:5" ht="24.6" customHeight="1" x14ac:dyDescent="0.2">
      <c r="A152" s="9">
        <v>150</v>
      </c>
      <c r="B152" s="4" t="s">
        <v>335</v>
      </c>
      <c r="C152" s="4" t="s">
        <v>337</v>
      </c>
      <c r="D152" s="4" t="s">
        <v>338</v>
      </c>
      <c r="E152" s="4" t="s">
        <v>3</v>
      </c>
    </row>
    <row r="153" spans="1:5" ht="24.6" customHeight="1" x14ac:dyDescent="0.2">
      <c r="A153" s="9">
        <v>151</v>
      </c>
      <c r="B153" s="6" t="s">
        <v>184</v>
      </c>
      <c r="C153" s="4" t="s">
        <v>273</v>
      </c>
      <c r="D153" s="4" t="s">
        <v>121</v>
      </c>
      <c r="E153" s="4" t="s">
        <v>3</v>
      </c>
    </row>
    <row r="154" spans="1:5" ht="24.6" customHeight="1" x14ac:dyDescent="0.2">
      <c r="A154" s="9">
        <v>152</v>
      </c>
      <c r="B154" s="6" t="s">
        <v>487</v>
      </c>
      <c r="C154" s="4" t="s">
        <v>485</v>
      </c>
      <c r="D154" s="4" t="s">
        <v>486</v>
      </c>
      <c r="E154" s="4" t="s">
        <v>3</v>
      </c>
    </row>
    <row r="155" spans="1:5" ht="24.6" customHeight="1" x14ac:dyDescent="0.2">
      <c r="A155" s="9">
        <v>153</v>
      </c>
      <c r="B155" s="6" t="s">
        <v>185</v>
      </c>
      <c r="C155" s="4" t="s">
        <v>274</v>
      </c>
      <c r="D155" s="4" t="s">
        <v>275</v>
      </c>
      <c r="E155" s="4" t="s">
        <v>3</v>
      </c>
    </row>
    <row r="156" spans="1:5" ht="24.6" customHeight="1" x14ac:dyDescent="0.2">
      <c r="A156" s="9">
        <v>154</v>
      </c>
      <c r="B156" s="6" t="s">
        <v>276</v>
      </c>
      <c r="C156" s="4" t="s">
        <v>232</v>
      </c>
      <c r="D156" s="4" t="s">
        <v>233</v>
      </c>
      <c r="E156" s="4" t="s">
        <v>3</v>
      </c>
    </row>
    <row r="157" spans="1:5" ht="24.6" customHeight="1" x14ac:dyDescent="0.2">
      <c r="A157" s="9">
        <v>155</v>
      </c>
      <c r="B157" s="4" t="s">
        <v>414</v>
      </c>
      <c r="C157" s="4" t="s">
        <v>407</v>
      </c>
      <c r="D157" s="4" t="s">
        <v>408</v>
      </c>
      <c r="E157" s="4" t="s">
        <v>3</v>
      </c>
    </row>
    <row r="158" spans="1:5" ht="24.6" customHeight="1" x14ac:dyDescent="0.2">
      <c r="A158" s="9">
        <v>156</v>
      </c>
      <c r="B158" s="4" t="s">
        <v>415</v>
      </c>
      <c r="C158" s="4" t="s">
        <v>409</v>
      </c>
      <c r="D158" s="4" t="s">
        <v>410</v>
      </c>
      <c r="E158" s="4" t="s">
        <v>3</v>
      </c>
    </row>
    <row r="159" spans="1:5" ht="24.6" customHeight="1" x14ac:dyDescent="0.2">
      <c r="A159" s="9">
        <v>157</v>
      </c>
      <c r="B159" s="6" t="s">
        <v>708</v>
      </c>
      <c r="C159" s="4" t="s">
        <v>277</v>
      </c>
      <c r="D159" s="4" t="s">
        <v>137</v>
      </c>
      <c r="E159" s="4" t="s">
        <v>3</v>
      </c>
    </row>
    <row r="160" spans="1:5" ht="24.6" customHeight="1" x14ac:dyDescent="0.2">
      <c r="A160" s="9">
        <v>158</v>
      </c>
      <c r="B160" s="6" t="s">
        <v>709</v>
      </c>
      <c r="C160" s="4" t="s">
        <v>706</v>
      </c>
      <c r="D160" s="4" t="s">
        <v>707</v>
      </c>
      <c r="E160" s="4" t="s">
        <v>3</v>
      </c>
    </row>
    <row r="161" spans="1:5" ht="24.6" customHeight="1" x14ac:dyDescent="0.2">
      <c r="A161" s="9">
        <v>159</v>
      </c>
      <c r="B161" s="6" t="s">
        <v>599</v>
      </c>
      <c r="C161" s="4" t="s">
        <v>598</v>
      </c>
      <c r="D161" s="4" t="s">
        <v>472</v>
      </c>
      <c r="E161" s="4" t="s">
        <v>148</v>
      </c>
    </row>
    <row r="162" spans="1:5" ht="24.6" customHeight="1" x14ac:dyDescent="0.2">
      <c r="A162" s="9">
        <v>160</v>
      </c>
      <c r="B162" s="6" t="s">
        <v>499</v>
      </c>
      <c r="C162" s="4" t="s">
        <v>497</v>
      </c>
      <c r="D162" s="4" t="s">
        <v>498</v>
      </c>
      <c r="E162" s="4" t="s">
        <v>148</v>
      </c>
    </row>
    <row r="163" spans="1:5" ht="24.6" customHeight="1" x14ac:dyDescent="0.2">
      <c r="A163" s="9">
        <v>161</v>
      </c>
      <c r="B163" s="6" t="s">
        <v>696</v>
      </c>
      <c r="C163" s="4" t="s">
        <v>694</v>
      </c>
      <c r="D163" s="4" t="s">
        <v>695</v>
      </c>
      <c r="E163" s="4" t="s">
        <v>3</v>
      </c>
    </row>
    <row r="164" spans="1:5" ht="24.6" customHeight="1" x14ac:dyDescent="0.2">
      <c r="A164" s="9">
        <v>162</v>
      </c>
      <c r="B164" s="6" t="s">
        <v>679</v>
      </c>
      <c r="C164" s="4" t="s">
        <v>678</v>
      </c>
      <c r="D164" s="4" t="s">
        <v>677</v>
      </c>
      <c r="E164" s="4" t="s">
        <v>3</v>
      </c>
    </row>
    <row r="165" spans="1:5" ht="24.6" customHeight="1" x14ac:dyDescent="0.2">
      <c r="A165" s="9">
        <v>163</v>
      </c>
      <c r="B165" s="4" t="s">
        <v>334</v>
      </c>
      <c r="C165" s="4" t="s">
        <v>336</v>
      </c>
      <c r="D165" s="4" t="s">
        <v>557</v>
      </c>
      <c r="E165" s="4" t="s">
        <v>3</v>
      </c>
    </row>
    <row r="166" spans="1:5" ht="24.6" customHeight="1" x14ac:dyDescent="0.2">
      <c r="A166" s="9">
        <v>164</v>
      </c>
      <c r="B166" s="4" t="s">
        <v>826</v>
      </c>
      <c r="C166" s="4" t="s">
        <v>825</v>
      </c>
      <c r="D166" s="4" t="s">
        <v>824</v>
      </c>
      <c r="E166" s="4" t="s">
        <v>3</v>
      </c>
    </row>
    <row r="167" spans="1:5" ht="24.6" customHeight="1" x14ac:dyDescent="0.2">
      <c r="A167" s="9">
        <v>165</v>
      </c>
      <c r="B167" s="4" t="s">
        <v>688</v>
      </c>
      <c r="C167" s="4" t="s">
        <v>687</v>
      </c>
      <c r="D167" s="4" t="s">
        <v>686</v>
      </c>
      <c r="E167" s="4" t="s">
        <v>3</v>
      </c>
    </row>
    <row r="168" spans="1:5" ht="24.6" customHeight="1" x14ac:dyDescent="0.2">
      <c r="A168" s="9">
        <v>166</v>
      </c>
      <c r="B168" s="4" t="s">
        <v>559</v>
      </c>
      <c r="C168" s="4" t="s">
        <v>558</v>
      </c>
      <c r="D168" s="4" t="s">
        <v>617</v>
      </c>
      <c r="E168" s="4" t="s">
        <v>3</v>
      </c>
    </row>
    <row r="169" spans="1:5" ht="24.6" customHeight="1" x14ac:dyDescent="0.2">
      <c r="A169" s="9">
        <v>167</v>
      </c>
      <c r="B169" s="6" t="s">
        <v>186</v>
      </c>
      <c r="C169" s="4" t="s">
        <v>52</v>
      </c>
      <c r="D169" s="4" t="s">
        <v>363</v>
      </c>
      <c r="E169" s="4" t="s">
        <v>3</v>
      </c>
    </row>
    <row r="170" spans="1:5" ht="24.6" customHeight="1" x14ac:dyDescent="0.2">
      <c r="A170" s="9">
        <v>168</v>
      </c>
      <c r="B170" s="6" t="s">
        <v>187</v>
      </c>
      <c r="C170" s="4" t="s">
        <v>53</v>
      </c>
      <c r="D170" s="4" t="s">
        <v>54</v>
      </c>
      <c r="E170" s="4" t="s">
        <v>3</v>
      </c>
    </row>
    <row r="171" spans="1:5" ht="24.6" customHeight="1" x14ac:dyDescent="0.2">
      <c r="A171" s="9">
        <v>169</v>
      </c>
      <c r="B171" s="6" t="s">
        <v>455</v>
      </c>
      <c r="C171" s="4" t="s">
        <v>453</v>
      </c>
      <c r="D171" s="4" t="s">
        <v>454</v>
      </c>
      <c r="E171" s="4" t="s">
        <v>3</v>
      </c>
    </row>
    <row r="172" spans="1:5" ht="24.6" customHeight="1" x14ac:dyDescent="0.2">
      <c r="A172" s="9">
        <v>170</v>
      </c>
      <c r="B172" s="6" t="s">
        <v>420</v>
      </c>
      <c r="C172" s="4" t="s">
        <v>418</v>
      </c>
      <c r="D172" s="4" t="s">
        <v>419</v>
      </c>
      <c r="E172" s="4" t="s">
        <v>3</v>
      </c>
    </row>
    <row r="173" spans="1:5" ht="24.6" customHeight="1" x14ac:dyDescent="0.2">
      <c r="A173" s="9">
        <v>171</v>
      </c>
      <c r="B173" s="6" t="s">
        <v>634</v>
      </c>
      <c r="C173" s="4" t="s">
        <v>633</v>
      </c>
      <c r="D173" s="4" t="s">
        <v>632</v>
      </c>
      <c r="E173" s="4" t="s">
        <v>3</v>
      </c>
    </row>
    <row r="174" spans="1:5" ht="24.6" customHeight="1" x14ac:dyDescent="0.2">
      <c r="A174" s="9">
        <v>172</v>
      </c>
      <c r="B174" s="6" t="s">
        <v>765</v>
      </c>
      <c r="C174" s="4" t="s">
        <v>763</v>
      </c>
      <c r="D174" s="4" t="s">
        <v>764</v>
      </c>
      <c r="E174" s="4" t="s">
        <v>3</v>
      </c>
    </row>
    <row r="175" spans="1:5" ht="24.6" customHeight="1" x14ac:dyDescent="0.2">
      <c r="A175" s="9">
        <v>173</v>
      </c>
      <c r="B175" s="6" t="s">
        <v>188</v>
      </c>
      <c r="C175" s="4" t="s">
        <v>55</v>
      </c>
      <c r="D175" s="4" t="s">
        <v>56</v>
      </c>
      <c r="E175" s="4" t="s">
        <v>148</v>
      </c>
    </row>
    <row r="176" spans="1:5" ht="24.6" customHeight="1" x14ac:dyDescent="0.2">
      <c r="A176" s="9">
        <v>174</v>
      </c>
      <c r="B176" s="6" t="s">
        <v>189</v>
      </c>
      <c r="C176" s="4" t="s">
        <v>57</v>
      </c>
      <c r="D176" s="4" t="s">
        <v>58</v>
      </c>
      <c r="E176" s="4" t="s">
        <v>3</v>
      </c>
    </row>
    <row r="177" spans="1:5" ht="24.6" customHeight="1" x14ac:dyDescent="0.2">
      <c r="A177" s="9">
        <v>175</v>
      </c>
      <c r="B177" s="6" t="s">
        <v>589</v>
      </c>
      <c r="C177" s="4" t="s">
        <v>587</v>
      </c>
      <c r="D177" s="4" t="s">
        <v>588</v>
      </c>
      <c r="E177" s="4" t="s">
        <v>148</v>
      </c>
    </row>
    <row r="178" spans="1:5" ht="24.6" customHeight="1" x14ac:dyDescent="0.2">
      <c r="A178" s="9">
        <v>176</v>
      </c>
      <c r="B178" s="6" t="s">
        <v>829</v>
      </c>
      <c r="C178" s="4" t="s">
        <v>828</v>
      </c>
      <c r="D178" s="4" t="s">
        <v>827</v>
      </c>
      <c r="E178" s="4" t="s">
        <v>3</v>
      </c>
    </row>
    <row r="179" spans="1:5" ht="24.6" customHeight="1" x14ac:dyDescent="0.2">
      <c r="A179" s="9">
        <v>177</v>
      </c>
      <c r="B179" s="6" t="s">
        <v>191</v>
      </c>
      <c r="C179" s="4" t="s">
        <v>59</v>
      </c>
      <c r="D179" s="4" t="s">
        <v>60</v>
      </c>
      <c r="E179" s="4" t="s">
        <v>148</v>
      </c>
    </row>
    <row r="180" spans="1:5" ht="24.6" customHeight="1" x14ac:dyDescent="0.2">
      <c r="A180" s="9">
        <v>178</v>
      </c>
      <c r="B180" s="3" t="s">
        <v>862</v>
      </c>
      <c r="C180" s="1" t="s">
        <v>860</v>
      </c>
      <c r="D180" s="1" t="s">
        <v>861</v>
      </c>
      <c r="E180" s="1" t="s">
        <v>3</v>
      </c>
    </row>
    <row r="181" spans="1:5" ht="24.6" customHeight="1" x14ac:dyDescent="0.2">
      <c r="A181" s="9">
        <v>179</v>
      </c>
      <c r="B181" s="3" t="s">
        <v>750</v>
      </c>
      <c r="C181" s="1" t="s">
        <v>747</v>
      </c>
      <c r="D181" s="1" t="s">
        <v>749</v>
      </c>
      <c r="E181" s="1" t="s">
        <v>3</v>
      </c>
    </row>
    <row r="182" spans="1:5" ht="24.6" customHeight="1" x14ac:dyDescent="0.2">
      <c r="A182" s="9">
        <v>180</v>
      </c>
      <c r="B182" s="6" t="s">
        <v>605</v>
      </c>
      <c r="C182" s="4" t="s">
        <v>603</v>
      </c>
      <c r="D182" s="4" t="s">
        <v>604</v>
      </c>
      <c r="E182" s="4" t="s">
        <v>3</v>
      </c>
    </row>
    <row r="183" spans="1:5" ht="24.6" customHeight="1" x14ac:dyDescent="0.2">
      <c r="A183" s="9">
        <v>181</v>
      </c>
      <c r="B183" s="6" t="s">
        <v>308</v>
      </c>
      <c r="C183" s="4" t="s">
        <v>309</v>
      </c>
      <c r="D183" s="4" t="s">
        <v>310</v>
      </c>
      <c r="E183" s="4" t="s">
        <v>3</v>
      </c>
    </row>
    <row r="184" spans="1:5" ht="24.6" customHeight="1" x14ac:dyDescent="0.2">
      <c r="A184" s="9">
        <v>182</v>
      </c>
      <c r="B184" s="6" t="s">
        <v>555</v>
      </c>
      <c r="C184" s="4" t="s">
        <v>556</v>
      </c>
      <c r="D184" s="4" t="s">
        <v>135</v>
      </c>
      <c r="E184" s="4" t="s">
        <v>3</v>
      </c>
    </row>
    <row r="185" spans="1:5" ht="24.6" customHeight="1" x14ac:dyDescent="0.2">
      <c r="A185" s="9">
        <v>183</v>
      </c>
      <c r="B185" s="6" t="s">
        <v>517</v>
      </c>
      <c r="C185" s="4" t="s">
        <v>515</v>
      </c>
      <c r="D185" s="4" t="s">
        <v>516</v>
      </c>
      <c r="E185" s="4" t="s">
        <v>148</v>
      </c>
    </row>
    <row r="186" spans="1:5" ht="24.6" customHeight="1" x14ac:dyDescent="0.2">
      <c r="A186" s="9">
        <v>184</v>
      </c>
      <c r="B186" s="6" t="s">
        <v>854</v>
      </c>
      <c r="C186" s="4" t="s">
        <v>850</v>
      </c>
      <c r="D186" s="4" t="s">
        <v>849</v>
      </c>
      <c r="E186" s="4" t="s">
        <v>3</v>
      </c>
    </row>
    <row r="187" spans="1:5" ht="24.6" customHeight="1" x14ac:dyDescent="0.2">
      <c r="A187" s="9">
        <v>185</v>
      </c>
      <c r="B187" s="6" t="s">
        <v>190</v>
      </c>
      <c r="C187" s="4" t="s">
        <v>856</v>
      </c>
      <c r="D187" s="4" t="s">
        <v>133</v>
      </c>
      <c r="E187" s="4" t="s">
        <v>3</v>
      </c>
    </row>
    <row r="188" spans="1:5" ht="24.6" customHeight="1" x14ac:dyDescent="0.2">
      <c r="A188" s="9">
        <v>186</v>
      </c>
      <c r="B188" s="6" t="s">
        <v>768</v>
      </c>
      <c r="C188" s="4" t="s">
        <v>766</v>
      </c>
      <c r="D188" s="4" t="s">
        <v>767</v>
      </c>
      <c r="E188" s="4" t="s">
        <v>3</v>
      </c>
    </row>
    <row r="189" spans="1:5" ht="24.6" customHeight="1" x14ac:dyDescent="0.2">
      <c r="A189" s="9">
        <v>187</v>
      </c>
      <c r="B189" s="6" t="s">
        <v>771</v>
      </c>
      <c r="C189" s="4" t="s">
        <v>770</v>
      </c>
      <c r="D189" s="4" t="s">
        <v>769</v>
      </c>
      <c r="E189" s="4" t="s">
        <v>3</v>
      </c>
    </row>
    <row r="190" spans="1:5" ht="24.6" customHeight="1" x14ac:dyDescent="0.2">
      <c r="A190" s="9">
        <v>188</v>
      </c>
      <c r="B190" s="4" t="s">
        <v>391</v>
      </c>
      <c r="C190" s="4" t="s">
        <v>378</v>
      </c>
      <c r="D190" s="4" t="s">
        <v>379</v>
      </c>
      <c r="E190" s="4" t="s">
        <v>3</v>
      </c>
    </row>
    <row r="191" spans="1:5" ht="24.6" customHeight="1" x14ac:dyDescent="0.2">
      <c r="A191" s="9">
        <v>189</v>
      </c>
      <c r="B191" s="6" t="s">
        <v>192</v>
      </c>
      <c r="C191" s="4" t="s">
        <v>61</v>
      </c>
      <c r="D191" s="4" t="s">
        <v>62</v>
      </c>
      <c r="E191" s="4" t="s">
        <v>148</v>
      </c>
    </row>
    <row r="192" spans="1:5" ht="24.6" customHeight="1" x14ac:dyDescent="0.2">
      <c r="A192" s="9">
        <v>190</v>
      </c>
      <c r="B192" s="6" t="s">
        <v>193</v>
      </c>
      <c r="C192" s="4" t="s">
        <v>63</v>
      </c>
      <c r="D192" s="4" t="s">
        <v>64</v>
      </c>
      <c r="E192" s="4" t="s">
        <v>3</v>
      </c>
    </row>
    <row r="193" spans="1:5" ht="38.4" customHeight="1" x14ac:dyDescent="0.2">
      <c r="A193" s="9">
        <v>191</v>
      </c>
      <c r="B193" s="6" t="s">
        <v>845</v>
      </c>
      <c r="C193" s="4" t="s">
        <v>844</v>
      </c>
      <c r="D193" s="7" t="s">
        <v>858</v>
      </c>
      <c r="E193" s="4" t="s">
        <v>3</v>
      </c>
    </row>
    <row r="194" spans="1:5" ht="38.4" customHeight="1" x14ac:dyDescent="0.2">
      <c r="A194" s="9">
        <v>192</v>
      </c>
      <c r="B194" s="6" t="s">
        <v>299</v>
      </c>
      <c r="C194" s="4" t="s">
        <v>278</v>
      </c>
      <c r="D194" s="7" t="s">
        <v>279</v>
      </c>
      <c r="E194" s="4" t="s">
        <v>3</v>
      </c>
    </row>
    <row r="195" spans="1:5" ht="24.6" customHeight="1" x14ac:dyDescent="0.2">
      <c r="A195" s="9">
        <v>193</v>
      </c>
      <c r="B195" s="6" t="s">
        <v>194</v>
      </c>
      <c r="C195" s="4" t="s">
        <v>65</v>
      </c>
      <c r="D195" s="4" t="s">
        <v>66</v>
      </c>
      <c r="E195" s="4" t="s">
        <v>148</v>
      </c>
    </row>
    <row r="196" spans="1:5" ht="24.6" customHeight="1" x14ac:dyDescent="0.2">
      <c r="A196" s="9">
        <v>194</v>
      </c>
      <c r="B196" s="6" t="s">
        <v>811</v>
      </c>
      <c r="C196" s="4" t="s">
        <v>810</v>
      </c>
      <c r="D196" s="4" t="s">
        <v>809</v>
      </c>
      <c r="E196" s="4" t="s">
        <v>3</v>
      </c>
    </row>
    <row r="197" spans="1:5" ht="24.6" customHeight="1" x14ac:dyDescent="0.2">
      <c r="A197" s="9">
        <v>195</v>
      </c>
      <c r="B197" s="4" t="s">
        <v>370</v>
      </c>
      <c r="C197" s="4" t="s">
        <v>365</v>
      </c>
      <c r="D197" s="4" t="s">
        <v>399</v>
      </c>
      <c r="E197" s="4" t="s">
        <v>3</v>
      </c>
    </row>
    <row r="198" spans="1:5" ht="24.6" customHeight="1" x14ac:dyDescent="0.2">
      <c r="A198" s="9">
        <v>196</v>
      </c>
      <c r="B198" s="6" t="s">
        <v>591</v>
      </c>
      <c r="C198" s="4" t="s">
        <v>590</v>
      </c>
      <c r="D198" s="4" t="s">
        <v>301</v>
      </c>
      <c r="E198" s="4" t="s">
        <v>148</v>
      </c>
    </row>
    <row r="199" spans="1:5" ht="24.6" customHeight="1" x14ac:dyDescent="0.2">
      <c r="A199" s="9">
        <v>197</v>
      </c>
      <c r="B199" s="6" t="s">
        <v>529</v>
      </c>
      <c r="C199" s="4" t="s">
        <v>527</v>
      </c>
      <c r="D199" s="4" t="s">
        <v>528</v>
      </c>
      <c r="E199" s="4" t="s">
        <v>3</v>
      </c>
    </row>
    <row r="200" spans="1:5" ht="24.6" customHeight="1" x14ac:dyDescent="0.2">
      <c r="A200" s="9">
        <v>198</v>
      </c>
      <c r="B200" s="6" t="s">
        <v>442</v>
      </c>
      <c r="C200" s="4" t="s">
        <v>449</v>
      </c>
      <c r="D200" s="4" t="s">
        <v>441</v>
      </c>
      <c r="E200" s="4" t="s">
        <v>3</v>
      </c>
    </row>
    <row r="201" spans="1:5" ht="24.6" customHeight="1" x14ac:dyDescent="0.2">
      <c r="A201" s="9">
        <v>199</v>
      </c>
      <c r="B201" s="4" t="s">
        <v>411</v>
      </c>
      <c r="C201" s="4" t="s">
        <v>401</v>
      </c>
      <c r="D201" s="4" t="s">
        <v>402</v>
      </c>
      <c r="E201" s="4" t="s">
        <v>3</v>
      </c>
    </row>
    <row r="202" spans="1:5" ht="24.6" customHeight="1" x14ac:dyDescent="0.2">
      <c r="A202" s="9">
        <v>200</v>
      </c>
      <c r="B202" s="4" t="s">
        <v>374</v>
      </c>
      <c r="C202" s="4" t="s">
        <v>368</v>
      </c>
      <c r="D202" s="4" t="s">
        <v>369</v>
      </c>
      <c r="E202" s="4" t="s">
        <v>3</v>
      </c>
    </row>
    <row r="203" spans="1:5" ht="24.6" customHeight="1" x14ac:dyDescent="0.2">
      <c r="A203" s="9">
        <v>201</v>
      </c>
      <c r="B203" s="6" t="s">
        <v>196</v>
      </c>
      <c r="C203" s="4" t="s">
        <v>616</v>
      </c>
      <c r="D203" s="4" t="s">
        <v>300</v>
      </c>
      <c r="E203" s="4" t="s">
        <v>3</v>
      </c>
    </row>
    <row r="204" spans="1:5" ht="24.6" customHeight="1" x14ac:dyDescent="0.2">
      <c r="A204" s="9">
        <v>202</v>
      </c>
      <c r="B204" s="6" t="s">
        <v>197</v>
      </c>
      <c r="C204" s="4" t="s">
        <v>280</v>
      </c>
      <c r="D204" s="4" t="s">
        <v>281</v>
      </c>
      <c r="E204" s="4" t="s">
        <v>3</v>
      </c>
    </row>
    <row r="205" spans="1:5" ht="24.6" customHeight="1" x14ac:dyDescent="0.2">
      <c r="A205" s="9">
        <v>203</v>
      </c>
      <c r="B205" s="6" t="s">
        <v>359</v>
      </c>
      <c r="C205" s="4" t="s">
        <v>357</v>
      </c>
      <c r="D205" s="4" t="s">
        <v>358</v>
      </c>
      <c r="E205" s="4" t="s">
        <v>3</v>
      </c>
    </row>
    <row r="206" spans="1:5" ht="24.6" customHeight="1" x14ac:dyDescent="0.2">
      <c r="A206" s="9">
        <v>204</v>
      </c>
      <c r="B206" s="6" t="s">
        <v>535</v>
      </c>
      <c r="C206" s="4" t="s">
        <v>533</v>
      </c>
      <c r="D206" s="4" t="s">
        <v>534</v>
      </c>
      <c r="E206" s="4" t="s">
        <v>148</v>
      </c>
    </row>
    <row r="207" spans="1:5" ht="23.4" customHeight="1" x14ac:dyDescent="0.2">
      <c r="A207" s="9">
        <v>205</v>
      </c>
      <c r="B207" s="6" t="s">
        <v>641</v>
      </c>
      <c r="C207" s="4" t="s">
        <v>640</v>
      </c>
      <c r="D207" s="4" t="s">
        <v>639</v>
      </c>
      <c r="E207" s="4" t="s">
        <v>3</v>
      </c>
    </row>
    <row r="208" spans="1:5" ht="23.4" customHeight="1" x14ac:dyDescent="0.2">
      <c r="A208" s="9">
        <v>206</v>
      </c>
      <c r="B208" s="6" t="s">
        <v>195</v>
      </c>
      <c r="C208" s="4" t="s">
        <v>67</v>
      </c>
      <c r="D208" s="4" t="s">
        <v>68</v>
      </c>
      <c r="E208" s="4" t="s">
        <v>3</v>
      </c>
    </row>
    <row r="209" spans="1:5" ht="24.6" customHeight="1" x14ac:dyDescent="0.2">
      <c r="A209" s="9">
        <v>207</v>
      </c>
      <c r="B209" s="6" t="s">
        <v>198</v>
      </c>
      <c r="C209" s="4" t="s">
        <v>69</v>
      </c>
      <c r="D209" s="4" t="s">
        <v>70</v>
      </c>
      <c r="E209" s="4" t="s">
        <v>148</v>
      </c>
    </row>
    <row r="210" spans="1:5" ht="24.6" customHeight="1" x14ac:dyDescent="0.2">
      <c r="A210" s="9">
        <v>208</v>
      </c>
      <c r="B210" s="6" t="s">
        <v>536</v>
      </c>
      <c r="C210" s="4" t="s">
        <v>512</v>
      </c>
      <c r="D210" s="4" t="s">
        <v>513</v>
      </c>
      <c r="E210" s="4" t="s">
        <v>148</v>
      </c>
    </row>
    <row r="211" spans="1:5" ht="24.6" customHeight="1" x14ac:dyDescent="0.2">
      <c r="A211" s="9">
        <v>209</v>
      </c>
      <c r="B211" s="6" t="s">
        <v>199</v>
      </c>
      <c r="C211" s="4" t="s">
        <v>71</v>
      </c>
      <c r="D211" s="4" t="s">
        <v>72</v>
      </c>
      <c r="E211" s="4" t="s">
        <v>148</v>
      </c>
    </row>
    <row r="212" spans="1:5" ht="24.6" customHeight="1" x14ac:dyDescent="0.2">
      <c r="A212" s="9">
        <v>210</v>
      </c>
      <c r="B212" s="6" t="s">
        <v>798</v>
      </c>
      <c r="C212" s="4" t="s">
        <v>797</v>
      </c>
      <c r="D212" s="4" t="s">
        <v>796</v>
      </c>
      <c r="E212" s="4" t="s">
        <v>3</v>
      </c>
    </row>
    <row r="213" spans="1:5" ht="24.6" customHeight="1" x14ac:dyDescent="0.2">
      <c r="A213" s="9">
        <v>211</v>
      </c>
      <c r="B213" s="4" t="s">
        <v>394</v>
      </c>
      <c r="C213" s="4" t="s">
        <v>384</v>
      </c>
      <c r="D213" s="4" t="s">
        <v>385</v>
      </c>
      <c r="E213" s="4" t="s">
        <v>148</v>
      </c>
    </row>
    <row r="214" spans="1:5" ht="24.6" customHeight="1" x14ac:dyDescent="0.2">
      <c r="A214" s="9">
        <v>212</v>
      </c>
      <c r="B214" s="6" t="s">
        <v>601</v>
      </c>
      <c r="C214" s="4" t="s">
        <v>73</v>
      </c>
      <c r="D214" s="4" t="s">
        <v>282</v>
      </c>
      <c r="E214" s="4" t="s">
        <v>148</v>
      </c>
    </row>
    <row r="215" spans="1:5" ht="24.6" customHeight="1" x14ac:dyDescent="0.2">
      <c r="A215" s="9">
        <v>213</v>
      </c>
      <c r="B215" s="6" t="s">
        <v>832</v>
      </c>
      <c r="C215" s="4" t="s">
        <v>831</v>
      </c>
      <c r="D215" s="4" t="s">
        <v>830</v>
      </c>
      <c r="E215" s="4" t="s">
        <v>148</v>
      </c>
    </row>
    <row r="216" spans="1:5" ht="24.6" customHeight="1" x14ac:dyDescent="0.2">
      <c r="A216" s="9">
        <v>214</v>
      </c>
      <c r="B216" s="3" t="s">
        <v>872</v>
      </c>
      <c r="C216" s="13" t="s">
        <v>870</v>
      </c>
      <c r="D216" s="13" t="s">
        <v>871</v>
      </c>
      <c r="E216" s="1" t="s">
        <v>148</v>
      </c>
    </row>
    <row r="217" spans="1:5" ht="24.6" customHeight="1" x14ac:dyDescent="0.2">
      <c r="A217" s="9">
        <v>215</v>
      </c>
      <c r="B217" s="6" t="s">
        <v>802</v>
      </c>
      <c r="C217" s="7" t="s">
        <v>855</v>
      </c>
      <c r="D217" s="7" t="s">
        <v>857</v>
      </c>
      <c r="E217" s="4" t="s">
        <v>148</v>
      </c>
    </row>
    <row r="218" spans="1:5" ht="24.6" customHeight="1" x14ac:dyDescent="0.2">
      <c r="A218" s="9">
        <v>216</v>
      </c>
      <c r="B218" s="6" t="s">
        <v>602</v>
      </c>
      <c r="C218" s="4" t="s">
        <v>600</v>
      </c>
      <c r="D218" s="4" t="s">
        <v>645</v>
      </c>
      <c r="E218" s="4" t="s">
        <v>3</v>
      </c>
    </row>
    <row r="219" spans="1:5" ht="24.6" customHeight="1" x14ac:dyDescent="0.2">
      <c r="A219" s="9">
        <v>217</v>
      </c>
      <c r="B219" s="6" t="s">
        <v>200</v>
      </c>
      <c r="C219" s="4" t="s">
        <v>283</v>
      </c>
      <c r="D219" s="4" t="s">
        <v>127</v>
      </c>
      <c r="E219" s="4" t="s">
        <v>3</v>
      </c>
    </row>
    <row r="220" spans="1:5" ht="24.6" customHeight="1" x14ac:dyDescent="0.2">
      <c r="A220" s="9">
        <v>218</v>
      </c>
      <c r="B220" s="6" t="s">
        <v>682</v>
      </c>
      <c r="C220" s="4" t="s">
        <v>681</v>
      </c>
      <c r="D220" s="4" t="s">
        <v>680</v>
      </c>
      <c r="E220" s="4" t="s">
        <v>3</v>
      </c>
    </row>
    <row r="221" spans="1:5" ht="24.6" customHeight="1" x14ac:dyDescent="0.2">
      <c r="A221" s="9">
        <v>219</v>
      </c>
      <c r="B221" s="6" t="s">
        <v>201</v>
      </c>
      <c r="C221" s="4" t="s">
        <v>74</v>
      </c>
      <c r="D221" s="4" t="s">
        <v>75</v>
      </c>
      <c r="E221" s="4" t="s">
        <v>148</v>
      </c>
    </row>
    <row r="222" spans="1:5" ht="24.6" customHeight="1" x14ac:dyDescent="0.2">
      <c r="A222" s="9">
        <v>220</v>
      </c>
      <c r="B222" s="6" t="s">
        <v>452</v>
      </c>
      <c r="C222" s="4" t="s">
        <v>450</v>
      </c>
      <c r="D222" s="4" t="s">
        <v>451</v>
      </c>
      <c r="E222" s="4" t="s">
        <v>3</v>
      </c>
    </row>
    <row r="223" spans="1:5" ht="24.6" customHeight="1" x14ac:dyDescent="0.2">
      <c r="A223" s="9">
        <v>221</v>
      </c>
      <c r="B223" s="6" t="s">
        <v>468</v>
      </c>
      <c r="C223" s="4" t="s">
        <v>466</v>
      </c>
      <c r="D223" s="4" t="s">
        <v>467</v>
      </c>
      <c r="E223" s="4" t="s">
        <v>3</v>
      </c>
    </row>
    <row r="224" spans="1:5" ht="24.6" customHeight="1" x14ac:dyDescent="0.2">
      <c r="A224" s="9">
        <v>222</v>
      </c>
      <c r="B224" s="6" t="s">
        <v>539</v>
      </c>
      <c r="C224" s="4" t="s">
        <v>537</v>
      </c>
      <c r="D224" s="4" t="s">
        <v>538</v>
      </c>
      <c r="E224" s="4" t="s">
        <v>148</v>
      </c>
    </row>
    <row r="225" spans="1:5" ht="24.6" customHeight="1" x14ac:dyDescent="0.2">
      <c r="A225" s="9">
        <v>223</v>
      </c>
      <c r="B225" s="6" t="s">
        <v>532</v>
      </c>
      <c r="C225" s="4" t="s">
        <v>530</v>
      </c>
      <c r="D225" s="4" t="s">
        <v>531</v>
      </c>
      <c r="E225" s="4" t="s">
        <v>148</v>
      </c>
    </row>
    <row r="226" spans="1:5" ht="24.6" customHeight="1" x14ac:dyDescent="0.2">
      <c r="A226" s="9">
        <v>224</v>
      </c>
      <c r="B226" s="4" t="s">
        <v>392</v>
      </c>
      <c r="C226" s="4" t="s">
        <v>380</v>
      </c>
      <c r="D226" s="4" t="s">
        <v>381</v>
      </c>
      <c r="E226" s="4" t="s">
        <v>148</v>
      </c>
    </row>
    <row r="227" spans="1:5" ht="24.6" customHeight="1" x14ac:dyDescent="0.2">
      <c r="A227" s="9">
        <v>225</v>
      </c>
      <c r="B227" s="4" t="s">
        <v>792</v>
      </c>
      <c r="C227" s="4" t="s">
        <v>791</v>
      </c>
      <c r="D227" s="4" t="s">
        <v>790</v>
      </c>
      <c r="E227" s="4" t="s">
        <v>3</v>
      </c>
    </row>
    <row r="228" spans="1:5" ht="24.6" customHeight="1" x14ac:dyDescent="0.2">
      <c r="A228" s="9">
        <v>226</v>
      </c>
      <c r="B228" s="6" t="s">
        <v>202</v>
      </c>
      <c r="C228" s="4" t="s">
        <v>76</v>
      </c>
      <c r="D228" s="4" t="s">
        <v>77</v>
      </c>
      <c r="E228" s="4" t="s">
        <v>3</v>
      </c>
    </row>
    <row r="229" spans="1:5" ht="24.6" customHeight="1" x14ac:dyDescent="0.2">
      <c r="A229" s="9">
        <v>227</v>
      </c>
      <c r="B229" s="6" t="s">
        <v>284</v>
      </c>
      <c r="C229" s="4" t="s">
        <v>234</v>
      </c>
      <c r="D229" s="4" t="s">
        <v>313</v>
      </c>
      <c r="E229" s="4" t="s">
        <v>3</v>
      </c>
    </row>
    <row r="230" spans="1:5" ht="24.6" customHeight="1" x14ac:dyDescent="0.2">
      <c r="A230" s="9">
        <v>228</v>
      </c>
      <c r="B230" s="6" t="s">
        <v>318</v>
      </c>
      <c r="C230" s="4" t="s">
        <v>234</v>
      </c>
      <c r="D230" s="4" t="s">
        <v>317</v>
      </c>
      <c r="E230" s="4" t="s">
        <v>3</v>
      </c>
    </row>
    <row r="231" spans="1:5" ht="24.6" customHeight="1" x14ac:dyDescent="0.2">
      <c r="A231" s="9">
        <v>229</v>
      </c>
      <c r="B231" s="3" t="s">
        <v>884</v>
      </c>
      <c r="C231" s="1" t="s">
        <v>882</v>
      </c>
      <c r="D231" s="1" t="s">
        <v>883</v>
      </c>
      <c r="E231" s="1" t="s">
        <v>3</v>
      </c>
    </row>
    <row r="232" spans="1:5" ht="24.6" customHeight="1" x14ac:dyDescent="0.2">
      <c r="A232" s="9">
        <v>230</v>
      </c>
      <c r="B232" s="6" t="s">
        <v>203</v>
      </c>
      <c r="C232" s="7" t="s">
        <v>307</v>
      </c>
      <c r="D232" s="4" t="s">
        <v>122</v>
      </c>
      <c r="E232" s="4" t="s">
        <v>3</v>
      </c>
    </row>
    <row r="233" spans="1:5" ht="24.6" customHeight="1" x14ac:dyDescent="0.2">
      <c r="A233" s="9">
        <v>231</v>
      </c>
      <c r="B233" s="6" t="s">
        <v>615</v>
      </c>
      <c r="C233" s="7" t="s">
        <v>614</v>
      </c>
      <c r="D233" s="4" t="s">
        <v>613</v>
      </c>
      <c r="E233" s="4" t="s">
        <v>3</v>
      </c>
    </row>
    <row r="234" spans="1:5" ht="24.6" customHeight="1" x14ac:dyDescent="0.2">
      <c r="A234" s="9">
        <v>232</v>
      </c>
      <c r="B234" s="6" t="s">
        <v>542</v>
      </c>
      <c r="C234" s="7" t="s">
        <v>540</v>
      </c>
      <c r="D234" s="4" t="s">
        <v>541</v>
      </c>
      <c r="E234" s="4" t="s">
        <v>3</v>
      </c>
    </row>
    <row r="235" spans="1:5" ht="24.6" customHeight="1" x14ac:dyDescent="0.2">
      <c r="A235" s="9">
        <v>233</v>
      </c>
      <c r="B235" s="6" t="s">
        <v>575</v>
      </c>
      <c r="C235" s="7" t="s">
        <v>573</v>
      </c>
      <c r="D235" s="4" t="s">
        <v>574</v>
      </c>
      <c r="E235" s="4" t="s">
        <v>3</v>
      </c>
    </row>
    <row r="236" spans="1:5" ht="24.6" customHeight="1" x14ac:dyDescent="0.2">
      <c r="A236" s="9">
        <v>234</v>
      </c>
      <c r="B236" s="6" t="s">
        <v>205</v>
      </c>
      <c r="C236" s="4" t="s">
        <v>143</v>
      </c>
      <c r="D236" s="4" t="s">
        <v>144</v>
      </c>
      <c r="E236" s="4" t="s">
        <v>3</v>
      </c>
    </row>
    <row r="237" spans="1:5" ht="24.6" customHeight="1" x14ac:dyDescent="0.2">
      <c r="A237" s="9">
        <v>235</v>
      </c>
      <c r="B237" s="6" t="s">
        <v>206</v>
      </c>
      <c r="C237" s="4" t="s">
        <v>312</v>
      </c>
      <c r="D237" s="4" t="s">
        <v>138</v>
      </c>
      <c r="E237" s="4" t="s">
        <v>3</v>
      </c>
    </row>
    <row r="238" spans="1:5" ht="24.6" customHeight="1" x14ac:dyDescent="0.2">
      <c r="A238" s="9">
        <v>236</v>
      </c>
      <c r="B238" s="4" t="s">
        <v>393</v>
      </c>
      <c r="C238" s="4" t="s">
        <v>382</v>
      </c>
      <c r="D238" s="4" t="s">
        <v>383</v>
      </c>
      <c r="E238" s="4" t="s">
        <v>3</v>
      </c>
    </row>
    <row r="239" spans="1:5" ht="24.6" customHeight="1" x14ac:dyDescent="0.2">
      <c r="A239" s="9">
        <v>237</v>
      </c>
      <c r="B239" s="4" t="s">
        <v>795</v>
      </c>
      <c r="C239" s="4" t="s">
        <v>794</v>
      </c>
      <c r="D239" s="4" t="s">
        <v>793</v>
      </c>
      <c r="E239" s="4" t="s">
        <v>3</v>
      </c>
    </row>
    <row r="240" spans="1:5" ht="24.6" customHeight="1" x14ac:dyDescent="0.2">
      <c r="A240" s="9">
        <v>238</v>
      </c>
      <c r="B240" s="6" t="s">
        <v>204</v>
      </c>
      <c r="C240" s="4" t="s">
        <v>78</v>
      </c>
      <c r="D240" s="4" t="s">
        <v>285</v>
      </c>
      <c r="E240" s="4" t="s">
        <v>3</v>
      </c>
    </row>
    <row r="241" spans="1:5" ht="24.6" customHeight="1" x14ac:dyDescent="0.2">
      <c r="A241" s="9">
        <v>239</v>
      </c>
      <c r="B241" s="6" t="s">
        <v>207</v>
      </c>
      <c r="C241" s="4" t="s">
        <v>79</v>
      </c>
      <c r="D241" s="4" t="s">
        <v>80</v>
      </c>
      <c r="E241" s="4" t="s">
        <v>148</v>
      </c>
    </row>
    <row r="242" spans="1:5" ht="24.6" customHeight="1" x14ac:dyDescent="0.2">
      <c r="A242" s="9">
        <v>240</v>
      </c>
      <c r="B242" s="6" t="s">
        <v>562</v>
      </c>
      <c r="C242" s="4" t="s">
        <v>561</v>
      </c>
      <c r="D242" s="4" t="s">
        <v>560</v>
      </c>
      <c r="E242" s="4" t="s">
        <v>3</v>
      </c>
    </row>
    <row r="243" spans="1:5" ht="24.6" customHeight="1" x14ac:dyDescent="0.2">
      <c r="A243" s="9">
        <v>241</v>
      </c>
      <c r="B243" s="4" t="s">
        <v>362</v>
      </c>
      <c r="C243" s="4" t="s">
        <v>360</v>
      </c>
      <c r="D243" s="4" t="s">
        <v>361</v>
      </c>
      <c r="E243" s="4" t="s">
        <v>3</v>
      </c>
    </row>
    <row r="244" spans="1:5" ht="24.6" customHeight="1" x14ac:dyDescent="0.2">
      <c r="A244" s="9">
        <v>242</v>
      </c>
      <c r="B244" s="4" t="s">
        <v>692</v>
      </c>
      <c r="C244" s="4" t="s">
        <v>690</v>
      </c>
      <c r="D244" s="4" t="s">
        <v>691</v>
      </c>
      <c r="E244" s="4" t="s">
        <v>3</v>
      </c>
    </row>
    <row r="245" spans="1:5" ht="24.6" customHeight="1" x14ac:dyDescent="0.2">
      <c r="A245" s="9">
        <v>243</v>
      </c>
      <c r="B245" s="4" t="s">
        <v>435</v>
      </c>
      <c r="C245" s="4" t="s">
        <v>433</v>
      </c>
      <c r="D245" s="4" t="s">
        <v>434</v>
      </c>
      <c r="E245" s="4" t="s">
        <v>3</v>
      </c>
    </row>
    <row r="246" spans="1:5" ht="24.6" customHeight="1" x14ac:dyDescent="0.2">
      <c r="A246" s="9">
        <v>244</v>
      </c>
      <c r="B246" s="6" t="s">
        <v>445</v>
      </c>
      <c r="C246" s="4" t="s">
        <v>377</v>
      </c>
      <c r="D246" s="4" t="s">
        <v>81</v>
      </c>
      <c r="E246" s="4" t="s">
        <v>3</v>
      </c>
    </row>
    <row r="247" spans="1:5" ht="24.6" customHeight="1" x14ac:dyDescent="0.2">
      <c r="A247" s="9">
        <v>245</v>
      </c>
      <c r="B247" s="6" t="s">
        <v>444</v>
      </c>
      <c r="C247" s="4" t="s">
        <v>377</v>
      </c>
      <c r="D247" s="4" t="s">
        <v>319</v>
      </c>
      <c r="E247" s="4" t="s">
        <v>3</v>
      </c>
    </row>
    <row r="248" spans="1:5" ht="24.6" customHeight="1" x14ac:dyDescent="0.2">
      <c r="A248" s="9">
        <v>246</v>
      </c>
      <c r="B248" s="4" t="s">
        <v>372</v>
      </c>
      <c r="C248" s="4" t="s">
        <v>367</v>
      </c>
      <c r="D248" s="4" t="s">
        <v>375</v>
      </c>
      <c r="E248" s="4" t="s">
        <v>3</v>
      </c>
    </row>
    <row r="249" spans="1:5" ht="24.6" customHeight="1" x14ac:dyDescent="0.2">
      <c r="A249" s="9">
        <v>247</v>
      </c>
      <c r="B249" s="4" t="s">
        <v>702</v>
      </c>
      <c r="C249" s="4" t="s">
        <v>700</v>
      </c>
      <c r="D249" s="4" t="s">
        <v>701</v>
      </c>
      <c r="E249" s="4" t="s">
        <v>3</v>
      </c>
    </row>
    <row r="250" spans="1:5" ht="24.6" customHeight="1" x14ac:dyDescent="0.2">
      <c r="A250" s="9">
        <v>248</v>
      </c>
      <c r="B250" s="6" t="s">
        <v>208</v>
      </c>
      <c r="C250" s="4" t="s">
        <v>302</v>
      </c>
      <c r="D250" s="4" t="s">
        <v>131</v>
      </c>
      <c r="E250" s="4" t="s">
        <v>3</v>
      </c>
    </row>
    <row r="251" spans="1:5" ht="24.6" customHeight="1" x14ac:dyDescent="0.2">
      <c r="A251" s="9">
        <v>249</v>
      </c>
      <c r="B251" s="6" t="s">
        <v>209</v>
      </c>
      <c r="C251" s="4" t="s">
        <v>82</v>
      </c>
      <c r="D251" s="4" t="s">
        <v>83</v>
      </c>
      <c r="E251" s="4" t="s">
        <v>148</v>
      </c>
    </row>
    <row r="252" spans="1:5" ht="24.6" customHeight="1" x14ac:dyDescent="0.2">
      <c r="A252" s="9">
        <v>250</v>
      </c>
      <c r="B252" s="6" t="s">
        <v>471</v>
      </c>
      <c r="C252" s="4" t="s">
        <v>469</v>
      </c>
      <c r="D252" s="4" t="s">
        <v>470</v>
      </c>
      <c r="E252" s="4" t="s">
        <v>3</v>
      </c>
    </row>
    <row r="253" spans="1:5" ht="24.6" customHeight="1" x14ac:dyDescent="0.2">
      <c r="A253" s="9">
        <v>251</v>
      </c>
      <c r="B253" s="6" t="s">
        <v>493</v>
      </c>
      <c r="C253" s="4" t="s">
        <v>491</v>
      </c>
      <c r="D253" s="4" t="s">
        <v>492</v>
      </c>
      <c r="E253" s="4" t="s">
        <v>3</v>
      </c>
    </row>
    <row r="254" spans="1:5" ht="23.4" customHeight="1" x14ac:dyDescent="0.2">
      <c r="A254" s="9">
        <v>252</v>
      </c>
      <c r="B254" s="6" t="s">
        <v>577</v>
      </c>
      <c r="C254" s="4" t="s">
        <v>618</v>
      </c>
      <c r="D254" s="4" t="s">
        <v>576</v>
      </c>
      <c r="E254" s="4" t="s">
        <v>3</v>
      </c>
    </row>
    <row r="255" spans="1:5" ht="23.4" customHeight="1" x14ac:dyDescent="0.2">
      <c r="A255" s="9">
        <v>253</v>
      </c>
      <c r="B255" s="6" t="s">
        <v>210</v>
      </c>
      <c r="C255" s="4" t="s">
        <v>84</v>
      </c>
      <c r="D255" s="4" t="s">
        <v>85</v>
      </c>
      <c r="E255" s="4" t="s">
        <v>3</v>
      </c>
    </row>
    <row r="256" spans="1:5" ht="23.4" customHeight="1" x14ac:dyDescent="0.2">
      <c r="A256" s="9">
        <v>254</v>
      </c>
      <c r="B256" s="6" t="s">
        <v>572</v>
      </c>
      <c r="C256" s="4" t="s">
        <v>570</v>
      </c>
      <c r="D256" s="4" t="s">
        <v>571</v>
      </c>
      <c r="E256" s="4" t="s">
        <v>3</v>
      </c>
    </row>
    <row r="257" spans="1:5" ht="24.6" customHeight="1" x14ac:dyDescent="0.2">
      <c r="A257" s="9">
        <v>255</v>
      </c>
      <c r="B257" s="15" t="s">
        <v>211</v>
      </c>
      <c r="C257" s="4" t="s">
        <v>140</v>
      </c>
      <c r="D257" s="4" t="s">
        <v>86</v>
      </c>
      <c r="E257" s="4" t="s">
        <v>148</v>
      </c>
    </row>
    <row r="258" spans="1:5" ht="24.6" customHeight="1" x14ac:dyDescent="0.2">
      <c r="A258" s="9">
        <v>256</v>
      </c>
      <c r="B258" s="6" t="s">
        <v>212</v>
      </c>
      <c r="C258" s="4" t="s">
        <v>87</v>
      </c>
      <c r="D258" s="4" t="s">
        <v>88</v>
      </c>
      <c r="E258" s="4" t="s">
        <v>148</v>
      </c>
    </row>
    <row r="259" spans="1:5" ht="24.6" customHeight="1" x14ac:dyDescent="0.2">
      <c r="A259" s="9">
        <v>257</v>
      </c>
      <c r="B259" s="6" t="s">
        <v>213</v>
      </c>
      <c r="C259" s="4" t="s">
        <v>89</v>
      </c>
      <c r="D259" s="4" t="s">
        <v>90</v>
      </c>
      <c r="E259" s="4" t="s">
        <v>148</v>
      </c>
    </row>
    <row r="260" spans="1:5" ht="24.6" customHeight="1" x14ac:dyDescent="0.2">
      <c r="A260" s="9">
        <v>258</v>
      </c>
      <c r="B260" s="6" t="s">
        <v>214</v>
      </c>
      <c r="C260" s="4" t="s">
        <v>91</v>
      </c>
      <c r="D260" s="4" t="s">
        <v>92</v>
      </c>
      <c r="E260" s="4" t="s">
        <v>148</v>
      </c>
    </row>
    <row r="261" spans="1:5" ht="24.6" customHeight="1" x14ac:dyDescent="0.2">
      <c r="A261" s="9">
        <v>259</v>
      </c>
      <c r="B261" s="6" t="s">
        <v>215</v>
      </c>
      <c r="C261" s="4" t="s">
        <v>93</v>
      </c>
      <c r="D261" s="4" t="s">
        <v>94</v>
      </c>
      <c r="E261" s="4" t="s">
        <v>148</v>
      </c>
    </row>
    <row r="262" spans="1:5" ht="24.6" customHeight="1" x14ac:dyDescent="0.2">
      <c r="A262" s="9">
        <v>260</v>
      </c>
      <c r="B262" s="6" t="s">
        <v>216</v>
      </c>
      <c r="C262" s="4" t="s">
        <v>95</v>
      </c>
      <c r="D262" s="4" t="s">
        <v>96</v>
      </c>
      <c r="E262" s="4" t="s">
        <v>148</v>
      </c>
    </row>
    <row r="263" spans="1:5" ht="24.6" customHeight="1" x14ac:dyDescent="0.2">
      <c r="A263" s="9">
        <v>261</v>
      </c>
      <c r="B263" s="6" t="s">
        <v>808</v>
      </c>
      <c r="C263" s="4" t="s">
        <v>806</v>
      </c>
      <c r="D263" s="4" t="s">
        <v>807</v>
      </c>
      <c r="E263" s="4" t="s">
        <v>3</v>
      </c>
    </row>
    <row r="264" spans="1:5" ht="24.6" customHeight="1" x14ac:dyDescent="0.2">
      <c r="A264" s="9">
        <v>262</v>
      </c>
      <c r="B264" s="6" t="s">
        <v>217</v>
      </c>
      <c r="C264" s="4" t="s">
        <v>125</v>
      </c>
      <c r="D264" s="4" t="s">
        <v>126</v>
      </c>
      <c r="E264" s="4" t="s">
        <v>3</v>
      </c>
    </row>
    <row r="265" spans="1:5" ht="24.6" customHeight="1" x14ac:dyDescent="0.2">
      <c r="A265" s="9">
        <v>263</v>
      </c>
      <c r="B265" s="6" t="s">
        <v>774</v>
      </c>
      <c r="C265" s="4" t="s">
        <v>772</v>
      </c>
      <c r="D265" s="4" t="s">
        <v>773</v>
      </c>
      <c r="E265" s="4" t="s">
        <v>3</v>
      </c>
    </row>
    <row r="266" spans="1:5" ht="24.6" customHeight="1" x14ac:dyDescent="0.2">
      <c r="A266" s="9">
        <v>264</v>
      </c>
      <c r="B266" s="6" t="s">
        <v>567</v>
      </c>
      <c r="C266" s="4" t="s">
        <v>564</v>
      </c>
      <c r="D266" s="4" t="s">
        <v>563</v>
      </c>
      <c r="E266" s="4" t="s">
        <v>3</v>
      </c>
    </row>
    <row r="267" spans="1:5" ht="24.6" customHeight="1" x14ac:dyDescent="0.2">
      <c r="A267" s="9">
        <v>265</v>
      </c>
      <c r="B267" s="6" t="s">
        <v>568</v>
      </c>
      <c r="C267" s="4" t="s">
        <v>565</v>
      </c>
      <c r="D267" s="4" t="s">
        <v>97</v>
      </c>
      <c r="E267" s="4" t="s">
        <v>3</v>
      </c>
    </row>
    <row r="268" spans="1:5" ht="24.6" customHeight="1" x14ac:dyDescent="0.2">
      <c r="A268" s="9">
        <v>266</v>
      </c>
      <c r="B268" s="6" t="s">
        <v>569</v>
      </c>
      <c r="C268" s="4" t="s">
        <v>566</v>
      </c>
      <c r="D268" s="4" t="s">
        <v>98</v>
      </c>
      <c r="E268" s="4" t="s">
        <v>3</v>
      </c>
    </row>
    <row r="269" spans="1:5" ht="24.6" customHeight="1" x14ac:dyDescent="0.2">
      <c r="A269" s="9">
        <v>267</v>
      </c>
      <c r="B269" s="6" t="s">
        <v>628</v>
      </c>
      <c r="C269" s="4" t="s">
        <v>626</v>
      </c>
      <c r="D269" s="4" t="s">
        <v>627</v>
      </c>
      <c r="E269" s="4" t="s">
        <v>3</v>
      </c>
    </row>
    <row r="270" spans="1:5" ht="23.1" customHeight="1" x14ac:dyDescent="0.2">
      <c r="A270" s="9">
        <v>268</v>
      </c>
      <c r="B270" s="6" t="s">
        <v>218</v>
      </c>
      <c r="C270" s="4" t="s">
        <v>99</v>
      </c>
      <c r="D270" s="4" t="s">
        <v>100</v>
      </c>
      <c r="E270" s="4" t="s">
        <v>148</v>
      </c>
    </row>
    <row r="271" spans="1:5" ht="23.1" customHeight="1" x14ac:dyDescent="0.2">
      <c r="A271" s="9">
        <v>269</v>
      </c>
      <c r="B271" s="6" t="s">
        <v>219</v>
      </c>
      <c r="C271" s="4" t="s">
        <v>101</v>
      </c>
      <c r="D271" s="4" t="s">
        <v>102</v>
      </c>
      <c r="E271" s="4" t="s">
        <v>148</v>
      </c>
    </row>
    <row r="272" spans="1:5" ht="23.1" customHeight="1" x14ac:dyDescent="0.2">
      <c r="A272" s="9">
        <v>270</v>
      </c>
      <c r="B272" s="6" t="s">
        <v>668</v>
      </c>
      <c r="C272" s="4" t="s">
        <v>666</v>
      </c>
      <c r="D272" s="4" t="s">
        <v>667</v>
      </c>
      <c r="E272" s="4" t="s">
        <v>148</v>
      </c>
    </row>
    <row r="273" spans="1:5" ht="23.1" customHeight="1" x14ac:dyDescent="0.2">
      <c r="A273" s="9">
        <v>271</v>
      </c>
      <c r="B273" s="6" t="s">
        <v>220</v>
      </c>
      <c r="C273" s="4" t="s">
        <v>103</v>
      </c>
      <c r="D273" s="4" t="s">
        <v>104</v>
      </c>
      <c r="E273" s="4" t="s">
        <v>148</v>
      </c>
    </row>
    <row r="274" spans="1:5" ht="24" customHeight="1" x14ac:dyDescent="0.2">
      <c r="A274" s="9">
        <v>272</v>
      </c>
      <c r="B274" s="6" t="s">
        <v>481</v>
      </c>
      <c r="C274" s="4" t="s">
        <v>480</v>
      </c>
      <c r="D274" s="4" t="s">
        <v>479</v>
      </c>
      <c r="E274" s="4" t="s">
        <v>3</v>
      </c>
    </row>
    <row r="275" spans="1:5" ht="24" customHeight="1" x14ac:dyDescent="0.2">
      <c r="A275" s="9">
        <v>273</v>
      </c>
      <c r="B275" s="6" t="s">
        <v>226</v>
      </c>
      <c r="C275" s="4" t="s">
        <v>123</v>
      </c>
      <c r="D275" s="4" t="s">
        <v>124</v>
      </c>
      <c r="E275" s="4" t="s">
        <v>3</v>
      </c>
    </row>
    <row r="276" spans="1:5" ht="24" customHeight="1" x14ac:dyDescent="0.2">
      <c r="A276" s="9">
        <v>274</v>
      </c>
      <c r="B276" s="4" t="s">
        <v>373</v>
      </c>
      <c r="C276" s="4" t="s">
        <v>311</v>
      </c>
      <c r="D276" s="4" t="s">
        <v>376</v>
      </c>
      <c r="E276" s="4" t="s">
        <v>3</v>
      </c>
    </row>
    <row r="277" spans="1:5" ht="23.1" customHeight="1" x14ac:dyDescent="0.2">
      <c r="A277" s="9">
        <v>275</v>
      </c>
      <c r="B277" s="4" t="s">
        <v>490</v>
      </c>
      <c r="C277" s="4" t="s">
        <v>488</v>
      </c>
      <c r="D277" s="4" t="s">
        <v>489</v>
      </c>
      <c r="E277" s="4" t="s">
        <v>3</v>
      </c>
    </row>
    <row r="278" spans="1:5" ht="23.1" customHeight="1" x14ac:dyDescent="0.2">
      <c r="A278" s="9">
        <v>276</v>
      </c>
      <c r="B278" s="4" t="s">
        <v>665</v>
      </c>
      <c r="C278" s="4" t="s">
        <v>663</v>
      </c>
      <c r="D278" s="4" t="s">
        <v>664</v>
      </c>
      <c r="E278" s="4" t="s">
        <v>3</v>
      </c>
    </row>
    <row r="279" spans="1:5" ht="23.1" customHeight="1" x14ac:dyDescent="0.2">
      <c r="A279" s="9">
        <v>277</v>
      </c>
      <c r="B279" s="6" t="s">
        <v>227</v>
      </c>
      <c r="C279" s="4" t="s">
        <v>115</v>
      </c>
      <c r="D279" s="4" t="s">
        <v>116</v>
      </c>
      <c r="E279" s="4" t="s">
        <v>3</v>
      </c>
    </row>
    <row r="280" spans="1:5" ht="23.1" customHeight="1" x14ac:dyDescent="0.2">
      <c r="A280" s="9">
        <v>278</v>
      </c>
      <c r="B280" s="6" t="s">
        <v>228</v>
      </c>
      <c r="C280" s="4" t="s">
        <v>117</v>
      </c>
      <c r="D280" s="4" t="s">
        <v>118</v>
      </c>
      <c r="E280" s="4" t="s">
        <v>148</v>
      </c>
    </row>
    <row r="281" spans="1:5" ht="23.1" customHeight="1" x14ac:dyDescent="0.2">
      <c r="A281" s="9">
        <v>279</v>
      </c>
      <c r="B281" s="6" t="s">
        <v>229</v>
      </c>
      <c r="C281" s="4" t="s">
        <v>145</v>
      </c>
      <c r="D281" s="4" t="s">
        <v>146</v>
      </c>
      <c r="E281" s="4" t="s">
        <v>3</v>
      </c>
    </row>
    <row r="282" spans="1:5" ht="23.1" customHeight="1" x14ac:dyDescent="0.2">
      <c r="A282" s="9">
        <v>280</v>
      </c>
      <c r="B282" s="4" t="s">
        <v>395</v>
      </c>
      <c r="C282" s="4" t="s">
        <v>386</v>
      </c>
      <c r="D282" s="4" t="s">
        <v>398</v>
      </c>
      <c r="E282" s="4" t="s">
        <v>3</v>
      </c>
    </row>
    <row r="283" spans="1:5" ht="23.1" customHeight="1" x14ac:dyDescent="0.2">
      <c r="A283" s="9">
        <v>281</v>
      </c>
      <c r="B283" s="6" t="s">
        <v>325</v>
      </c>
      <c r="C283" s="4" t="s">
        <v>326</v>
      </c>
      <c r="D283" s="4" t="s">
        <v>327</v>
      </c>
      <c r="E283" s="4" t="s">
        <v>3</v>
      </c>
    </row>
    <row r="284" spans="1:5" ht="23.1" customHeight="1" x14ac:dyDescent="0.2">
      <c r="A284" s="9">
        <v>282</v>
      </c>
      <c r="B284" s="6" t="s">
        <v>328</v>
      </c>
      <c r="C284" s="4" t="s">
        <v>326</v>
      </c>
      <c r="D284" s="4" t="s">
        <v>327</v>
      </c>
      <c r="E284" s="4" t="s">
        <v>148</v>
      </c>
    </row>
    <row r="285" spans="1:5" ht="34.799999999999997" customHeight="1" x14ac:dyDescent="0.2">
      <c r="A285" s="9">
        <v>283</v>
      </c>
      <c r="B285" s="6" t="s">
        <v>465</v>
      </c>
      <c r="C285" s="7" t="s">
        <v>463</v>
      </c>
      <c r="D285" s="4" t="s">
        <v>464</v>
      </c>
      <c r="E285" s="4" t="s">
        <v>148</v>
      </c>
    </row>
    <row r="286" spans="1:5" ht="23.1" customHeight="1" x14ac:dyDescent="0.2">
      <c r="A286" s="9">
        <v>284</v>
      </c>
      <c r="B286" s="6" t="s">
        <v>303</v>
      </c>
      <c r="C286" s="4" t="s">
        <v>244</v>
      </c>
      <c r="D286" s="4" t="s">
        <v>304</v>
      </c>
      <c r="E286" s="4" t="s">
        <v>3</v>
      </c>
    </row>
    <row r="287" spans="1:5" ht="23.1" customHeight="1" x14ac:dyDescent="0.2">
      <c r="A287" s="9">
        <v>285</v>
      </c>
      <c r="B287" s="6" t="s">
        <v>305</v>
      </c>
      <c r="C287" s="4" t="s">
        <v>306</v>
      </c>
      <c r="D287" s="4" t="s">
        <v>286</v>
      </c>
      <c r="E287" s="4" t="s">
        <v>3</v>
      </c>
    </row>
    <row r="288" spans="1:5" ht="23.1" customHeight="1" x14ac:dyDescent="0.2">
      <c r="A288" s="9">
        <v>286</v>
      </c>
      <c r="B288" s="6" t="s">
        <v>221</v>
      </c>
      <c r="C288" s="4" t="s">
        <v>105</v>
      </c>
      <c r="D288" s="4" t="s">
        <v>106</v>
      </c>
      <c r="E288" s="4" t="s">
        <v>148</v>
      </c>
    </row>
    <row r="289" spans="1:5" ht="23.1" customHeight="1" x14ac:dyDescent="0.2">
      <c r="A289" s="9">
        <v>287</v>
      </c>
      <c r="B289" s="6" t="s">
        <v>586</v>
      </c>
      <c r="C289" s="4" t="s">
        <v>584</v>
      </c>
      <c r="D289" s="4" t="s">
        <v>585</v>
      </c>
      <c r="E289" s="4" t="s">
        <v>3</v>
      </c>
    </row>
    <row r="290" spans="1:5" ht="23.1" customHeight="1" x14ac:dyDescent="0.2">
      <c r="A290" s="9">
        <v>288</v>
      </c>
      <c r="B290" s="6" t="s">
        <v>741</v>
      </c>
      <c r="C290" s="4" t="s">
        <v>514</v>
      </c>
      <c r="D290" s="4" t="s">
        <v>738</v>
      </c>
      <c r="E290" s="4" t="s">
        <v>148</v>
      </c>
    </row>
    <row r="291" spans="1:5" ht="23.1" customHeight="1" x14ac:dyDescent="0.2">
      <c r="A291" s="9">
        <v>289</v>
      </c>
      <c r="B291" s="6" t="s">
        <v>742</v>
      </c>
      <c r="C291" s="4" t="s">
        <v>740</v>
      </c>
      <c r="D291" s="4" t="s">
        <v>739</v>
      </c>
      <c r="E291" s="4" t="s">
        <v>3</v>
      </c>
    </row>
    <row r="292" spans="1:5" ht="23.1" customHeight="1" x14ac:dyDescent="0.2">
      <c r="A292" s="9">
        <v>290</v>
      </c>
      <c r="B292" s="6" t="s">
        <v>554</v>
      </c>
      <c r="C292" s="4" t="s">
        <v>549</v>
      </c>
      <c r="D292" s="4" t="s">
        <v>550</v>
      </c>
      <c r="E292" s="4" t="s">
        <v>3</v>
      </c>
    </row>
    <row r="293" spans="1:5" ht="23.1" customHeight="1" x14ac:dyDescent="0.2">
      <c r="A293" s="9">
        <v>291</v>
      </c>
      <c r="B293" s="6" t="s">
        <v>287</v>
      </c>
      <c r="C293" s="4" t="s">
        <v>288</v>
      </c>
      <c r="D293" s="4" t="s">
        <v>235</v>
      </c>
      <c r="E293" s="4" t="s">
        <v>3</v>
      </c>
    </row>
    <row r="294" spans="1:5" ht="23.1" customHeight="1" x14ac:dyDescent="0.2">
      <c r="A294" s="9">
        <v>292</v>
      </c>
      <c r="B294" s="4" t="s">
        <v>416</v>
      </c>
      <c r="C294" s="4" t="s">
        <v>437</v>
      </c>
      <c r="D294" s="4" t="s">
        <v>417</v>
      </c>
      <c r="E294" s="4" t="s">
        <v>3</v>
      </c>
    </row>
    <row r="295" spans="1:5" ht="23.1" customHeight="1" x14ac:dyDescent="0.2">
      <c r="A295" s="9">
        <v>293</v>
      </c>
      <c r="B295" s="6" t="s">
        <v>222</v>
      </c>
      <c r="C295" s="4" t="s">
        <v>107</v>
      </c>
      <c r="D295" s="4" t="s">
        <v>108</v>
      </c>
      <c r="E295" s="4" t="s">
        <v>3</v>
      </c>
    </row>
    <row r="296" spans="1:5" ht="23.1" customHeight="1" x14ac:dyDescent="0.2">
      <c r="A296" s="9">
        <v>294</v>
      </c>
      <c r="B296" s="6" t="s">
        <v>223</v>
      </c>
      <c r="C296" s="4" t="s">
        <v>109</v>
      </c>
      <c r="D296" s="4" t="s">
        <v>110</v>
      </c>
      <c r="E296" s="4" t="s">
        <v>148</v>
      </c>
    </row>
    <row r="297" spans="1:5" ht="23.1" customHeight="1" x14ac:dyDescent="0.2">
      <c r="A297" s="9">
        <v>295</v>
      </c>
      <c r="B297" s="6" t="s">
        <v>224</v>
      </c>
      <c r="C297" s="4" t="s">
        <v>111</v>
      </c>
      <c r="D297" s="4" t="s">
        <v>112</v>
      </c>
      <c r="E297" s="4" t="s">
        <v>148</v>
      </c>
    </row>
    <row r="298" spans="1:5" ht="23.1" customHeight="1" x14ac:dyDescent="0.2">
      <c r="A298" s="9">
        <v>296</v>
      </c>
      <c r="B298" s="6" t="s">
        <v>225</v>
      </c>
      <c r="C298" s="4" t="s">
        <v>113</v>
      </c>
      <c r="D298" s="4" t="s">
        <v>114</v>
      </c>
      <c r="E298" s="4" t="s">
        <v>3</v>
      </c>
    </row>
    <row r="299" spans="1:5" ht="23.1" customHeight="1" x14ac:dyDescent="0.2">
      <c r="C299" s="10"/>
      <c r="D299" s="10"/>
      <c r="E299" s="10"/>
    </row>
    <row r="300" spans="1:5" ht="23.1" customHeight="1" x14ac:dyDescent="0.2">
      <c r="C300" s="10"/>
      <c r="D300" s="10"/>
      <c r="E300" s="10"/>
    </row>
    <row r="301" spans="1:5" ht="23.1" customHeight="1" x14ac:dyDescent="0.2">
      <c r="C301" s="10"/>
      <c r="D301" s="10"/>
      <c r="E301" s="10"/>
    </row>
    <row r="302" spans="1:5" ht="23.1" customHeight="1" x14ac:dyDescent="0.2">
      <c r="C302" s="10"/>
      <c r="D302" s="10"/>
      <c r="E302" s="10"/>
    </row>
    <row r="303" spans="1:5" ht="23.1" customHeight="1" x14ac:dyDescent="0.2">
      <c r="C303" s="10"/>
      <c r="D303" s="10"/>
      <c r="E303" s="10"/>
    </row>
    <row r="304" spans="1:5" ht="23.1" customHeight="1" x14ac:dyDescent="0.2">
      <c r="C304" s="10"/>
      <c r="D304" s="10"/>
      <c r="E304" s="10"/>
    </row>
    <row r="305" spans="3:5" ht="23.1" customHeight="1" x14ac:dyDescent="0.2">
      <c r="C305" s="10"/>
      <c r="D305" s="10"/>
      <c r="E305" s="10"/>
    </row>
    <row r="306" spans="3:5" ht="23.1" customHeight="1" x14ac:dyDescent="0.2">
      <c r="C306" s="10"/>
      <c r="D306" s="10"/>
      <c r="E306" s="10"/>
    </row>
    <row r="307" spans="3:5" ht="23.1" customHeight="1" x14ac:dyDescent="0.2">
      <c r="C307" s="10"/>
      <c r="D307" s="10"/>
      <c r="E307" s="10"/>
    </row>
    <row r="308" spans="3:5" ht="23.1" customHeight="1" x14ac:dyDescent="0.2">
      <c r="C308" s="10"/>
      <c r="D308" s="10"/>
      <c r="E308" s="10"/>
    </row>
    <row r="309" spans="3:5" ht="23.1" customHeight="1" x14ac:dyDescent="0.2">
      <c r="C309" s="10"/>
      <c r="D309" s="10"/>
      <c r="E309" s="10"/>
    </row>
    <row r="310" spans="3:5" ht="23.1" customHeight="1" x14ac:dyDescent="0.2">
      <c r="C310" s="10"/>
      <c r="D310" s="10"/>
      <c r="E310" s="10"/>
    </row>
    <row r="311" spans="3:5" ht="23.1" customHeight="1" x14ac:dyDescent="0.2">
      <c r="C311" s="10"/>
      <c r="D311" s="10"/>
      <c r="E311" s="10"/>
    </row>
    <row r="312" spans="3:5" ht="23.1" customHeight="1" x14ac:dyDescent="0.2">
      <c r="C312" s="10"/>
      <c r="D312" s="10"/>
      <c r="E312" s="10"/>
    </row>
    <row r="313" spans="3:5" ht="23.1" customHeight="1" x14ac:dyDescent="0.2">
      <c r="C313" s="10"/>
      <c r="D313" s="10"/>
      <c r="E313" s="10"/>
    </row>
    <row r="314" spans="3:5" ht="23.1" customHeight="1" x14ac:dyDescent="0.2">
      <c r="C314" s="10"/>
      <c r="D314" s="10"/>
      <c r="E314" s="10"/>
    </row>
    <row r="315" spans="3:5" ht="23.1" customHeight="1" x14ac:dyDescent="0.2">
      <c r="C315" s="10"/>
      <c r="D315" s="10"/>
      <c r="E315" s="10"/>
    </row>
    <row r="316" spans="3:5" ht="23.1" customHeight="1" x14ac:dyDescent="0.2">
      <c r="C316" s="10"/>
      <c r="D316" s="10"/>
      <c r="E316" s="10"/>
    </row>
  </sheetData>
  <autoFilter ref="A2:E298" xr:uid="{00000000-0009-0000-0000-000000000000}"/>
  <mergeCells count="1">
    <mergeCell ref="A1:E1"/>
  </mergeCells>
  <phoneticPr fontId="1"/>
  <dataValidations count="2">
    <dataValidation type="list" allowBlank="1" showInputMessage="1" showErrorMessage="1" sqref="E2:E5 E262:E269 E294:E1048576" xr:uid="{00000000-0002-0000-0000-000000000000}">
      <formula1>"ホテル,旅館,簡易宿所"</formula1>
    </dataValidation>
    <dataValidation type="list" allowBlank="1" showInputMessage="1" showErrorMessage="1" sqref="E270:E293 E6:E261" xr:uid="{00000000-0002-0000-0000-000001000000}">
      <formula1>"旅館・ホテル,簡易宿所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53" fitToHeight="0" orientation="portrait" r:id="rId1"/>
  <headerFooter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鎌倉</vt:lpstr>
      <vt:lpstr>鎌倉!Print_Area</vt:lpstr>
      <vt:lpstr>鎌倉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17T02:31:35Z</cp:lastPrinted>
  <dcterms:created xsi:type="dcterms:W3CDTF">2016-12-05T08:23:20Z</dcterms:created>
  <dcterms:modified xsi:type="dcterms:W3CDTF">2025-10-27T03:08:45Z</dcterms:modified>
</cp:coreProperties>
</file>